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02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50" r:id="rId2"/>
    <sheet name="05_新設住宅－資金別・利用関係別　戸数・床面積の合計" sheetId="51" r:id="rId3"/>
    <sheet name="06_新設住宅－利用関係別・建て方別・構造別　戸数・床面積の合" sheetId="52" r:id="rId4"/>
    <sheet name="07_新設住宅－種類別・建て方別　戸数・床面積の合計" sheetId="53" r:id="rId5"/>
    <sheet name="08_新設住宅－建築主別・利用関係別　戸数・床面積の合計" sheetId="54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2月</t>
    <phoneticPr fontId="3"/>
  </si>
  <si>
    <t>月次集計： 2018年 02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A10" sqref="A10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2483</v>
      </c>
      <c r="E8" s="9">
        <v>802099</v>
      </c>
      <c r="F8" s="9">
        <v>14289780</v>
      </c>
      <c r="G8" s="9">
        <v>26</v>
      </c>
      <c r="H8" s="9">
        <v>27868</v>
      </c>
      <c r="I8" s="9">
        <v>723947</v>
      </c>
      <c r="J8" s="9">
        <v>2</v>
      </c>
      <c r="K8" s="9">
        <v>910</v>
      </c>
      <c r="L8" s="9">
        <v>3000</v>
      </c>
      <c r="M8" s="9">
        <v>13</v>
      </c>
      <c r="N8" s="9">
        <v>7629</v>
      </c>
      <c r="O8" s="9">
        <v>186173</v>
      </c>
      <c r="P8" s="9">
        <v>1259</v>
      </c>
      <c r="Q8" s="9">
        <v>565676</v>
      </c>
      <c r="R8" s="9">
        <v>9006998</v>
      </c>
      <c r="S8" s="9">
        <v>34</v>
      </c>
      <c r="T8" s="9">
        <v>33614</v>
      </c>
      <c r="U8" s="9">
        <v>917933</v>
      </c>
      <c r="V8" s="9">
        <v>1149</v>
      </c>
      <c r="W8" s="9">
        <v>166402</v>
      </c>
      <c r="X8" s="9">
        <v>3451729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2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2483</v>
      </c>
      <c r="E18" s="9">
        <v>802099</v>
      </c>
      <c r="F18" s="9">
        <v>14289780</v>
      </c>
      <c r="G18" s="9">
        <v>2247</v>
      </c>
      <c r="H18" s="9">
        <v>388352</v>
      </c>
      <c r="I18" s="9">
        <v>8267608</v>
      </c>
      <c r="J18" s="9">
        <v>8</v>
      </c>
      <c r="K18" s="9">
        <v>4296</v>
      </c>
      <c r="L18" s="9">
        <v>97181</v>
      </c>
      <c r="M18" s="9">
        <v>29</v>
      </c>
      <c r="N18" s="9">
        <v>10766</v>
      </c>
      <c r="O18" s="9">
        <v>255021</v>
      </c>
      <c r="P18" s="9">
        <v>20</v>
      </c>
      <c r="Q18" s="9">
        <v>3757</v>
      </c>
      <c r="R18" s="9">
        <v>34260</v>
      </c>
      <c r="S18" s="9">
        <v>3</v>
      </c>
      <c r="T18" s="9">
        <v>820</v>
      </c>
      <c r="U18" s="9">
        <v>14430</v>
      </c>
      <c r="V18" s="9">
        <v>18</v>
      </c>
      <c r="W18" s="9">
        <v>22057</v>
      </c>
      <c r="X18" s="9">
        <v>163972</v>
      </c>
      <c r="Y18" s="9">
        <v>0</v>
      </c>
      <c r="Z18" s="9">
        <v>0</v>
      </c>
      <c r="AA18" s="9">
        <v>0</v>
      </c>
      <c r="AB18" s="9">
        <v>0</v>
      </c>
      <c r="AC18" s="9">
        <v>0</v>
      </c>
      <c r="AD18" s="9">
        <v>0</v>
      </c>
      <c r="AE18" s="9">
        <v>13</v>
      </c>
      <c r="AF18" s="9">
        <v>302857</v>
      </c>
      <c r="AG18" s="9">
        <v>3538821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18</v>
      </c>
      <c r="E23" s="9">
        <v>14108</v>
      </c>
      <c r="F23" s="9">
        <v>291119</v>
      </c>
      <c r="G23" s="9">
        <v>0</v>
      </c>
      <c r="H23" s="9">
        <v>0</v>
      </c>
      <c r="I23" s="9">
        <v>0</v>
      </c>
      <c r="J23" s="9">
        <v>22</v>
      </c>
      <c r="K23" s="9">
        <v>1409</v>
      </c>
      <c r="L23" s="9">
        <v>7025</v>
      </c>
      <c r="M23" s="9">
        <v>8</v>
      </c>
      <c r="N23" s="9">
        <v>5428</v>
      </c>
      <c r="O23" s="9">
        <v>49200</v>
      </c>
      <c r="P23" s="9">
        <v>15</v>
      </c>
      <c r="Q23" s="9">
        <v>6078</v>
      </c>
      <c r="R23" s="9">
        <v>151808</v>
      </c>
      <c r="S23" s="9">
        <v>21</v>
      </c>
      <c r="T23" s="9">
        <v>12083</v>
      </c>
      <c r="U23" s="9">
        <v>331700</v>
      </c>
      <c r="V23" s="9">
        <v>46</v>
      </c>
      <c r="W23" s="9">
        <v>26531</v>
      </c>
      <c r="X23" s="9">
        <v>1013792</v>
      </c>
      <c r="Y23" s="9">
        <v>10</v>
      </c>
      <c r="Z23" s="9">
        <v>1935</v>
      </c>
      <c r="AA23" s="9">
        <v>40873</v>
      </c>
      <c r="AB23" s="9">
        <v>5</v>
      </c>
      <c r="AC23" s="9">
        <v>1622</v>
      </c>
      <c r="AD23" s="9">
        <v>32970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2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2483</v>
      </c>
      <c r="E33" s="9">
        <v>802099</v>
      </c>
      <c r="F33" s="9">
        <v>14289780</v>
      </c>
      <c r="G33" s="9">
        <v>1923</v>
      </c>
      <c r="H33" s="9">
        <v>217952</v>
      </c>
      <c r="I33" s="9">
        <v>3707807</v>
      </c>
      <c r="J33" s="9">
        <v>560</v>
      </c>
      <c r="K33" s="9">
        <v>584147</v>
      </c>
      <c r="L33" s="9">
        <v>10581973</v>
      </c>
      <c r="M33" s="9">
        <v>8</v>
      </c>
      <c r="N33" s="9">
        <v>315244</v>
      </c>
      <c r="O33" s="9">
        <v>4351870</v>
      </c>
      <c r="P33" s="9">
        <v>109</v>
      </c>
      <c r="Q33" s="9">
        <v>136331</v>
      </c>
      <c r="R33" s="9">
        <v>3688106</v>
      </c>
      <c r="S33" s="9">
        <v>419</v>
      </c>
      <c r="T33" s="9">
        <v>131619</v>
      </c>
      <c r="U33" s="9">
        <v>2526453</v>
      </c>
      <c r="V33" s="9">
        <v>0</v>
      </c>
      <c r="W33" s="9">
        <v>0</v>
      </c>
      <c r="X33" s="9">
        <v>0</v>
      </c>
      <c r="Y33" s="9">
        <v>24</v>
      </c>
      <c r="Z33" s="9">
        <v>953</v>
      </c>
      <c r="AA33" s="9">
        <v>15544</v>
      </c>
    </row>
  </sheetData>
  <mergeCells count="34">
    <mergeCell ref="S31:U31"/>
    <mergeCell ref="V31:X31"/>
    <mergeCell ref="Y31:AA31"/>
    <mergeCell ref="D31:F31"/>
    <mergeCell ref="G31:I31"/>
    <mergeCell ref="J31:L31"/>
    <mergeCell ref="M31:O31"/>
    <mergeCell ref="P31:R31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>
      <selection activeCell="G4" sqref="G4"/>
    </sheetView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5663</v>
      </c>
      <c r="F8" s="14">
        <v>395794</v>
      </c>
      <c r="G8" s="14">
        <v>5255</v>
      </c>
      <c r="H8" s="14">
        <v>364045</v>
      </c>
      <c r="I8" s="14">
        <v>143</v>
      </c>
      <c r="J8" s="14">
        <v>5702</v>
      </c>
      <c r="K8" s="14">
        <v>265</v>
      </c>
      <c r="L8" s="14">
        <v>26047</v>
      </c>
    </row>
    <row r="9" spans="2:12" ht="12.95" customHeight="1" x14ac:dyDescent="0.15">
      <c r="B9" s="12"/>
      <c r="C9" s="12"/>
      <c r="D9" s="15" t="s">
        <v>54</v>
      </c>
      <c r="E9" s="16">
        <v>5552</v>
      </c>
      <c r="F9" s="16">
        <v>392601</v>
      </c>
      <c r="G9" s="16">
        <v>5255</v>
      </c>
      <c r="H9" s="16">
        <v>364045</v>
      </c>
      <c r="I9" s="16">
        <v>35</v>
      </c>
      <c r="J9" s="16">
        <v>2737</v>
      </c>
      <c r="K9" s="16">
        <v>262</v>
      </c>
      <c r="L9" s="16">
        <v>25819</v>
      </c>
    </row>
    <row r="10" spans="2:12" ht="12.95" customHeight="1" x14ac:dyDescent="0.15">
      <c r="B10" s="17"/>
      <c r="C10" s="12"/>
      <c r="D10" s="18" t="s">
        <v>35</v>
      </c>
      <c r="E10" s="19">
        <v>111</v>
      </c>
      <c r="F10" s="19">
        <v>3193</v>
      </c>
      <c r="G10" s="19">
        <v>0</v>
      </c>
      <c r="H10" s="19">
        <v>0</v>
      </c>
      <c r="I10" s="19">
        <v>108</v>
      </c>
      <c r="J10" s="19">
        <v>2965</v>
      </c>
      <c r="K10" s="19">
        <v>3</v>
      </c>
      <c r="L10" s="19">
        <v>228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5549</v>
      </c>
      <c r="F11" s="21">
        <v>385326</v>
      </c>
      <c r="G11" s="21">
        <v>5144</v>
      </c>
      <c r="H11" s="21">
        <v>353693</v>
      </c>
      <c r="I11" s="21">
        <v>140</v>
      </c>
      <c r="J11" s="21">
        <v>5586</v>
      </c>
      <c r="K11" s="21">
        <v>265</v>
      </c>
      <c r="L11" s="21">
        <v>26047</v>
      </c>
    </row>
    <row r="12" spans="2:12" ht="12.95" customHeight="1" x14ac:dyDescent="0.15">
      <c r="B12" s="12"/>
      <c r="C12" s="12"/>
      <c r="D12" s="15" t="s">
        <v>54</v>
      </c>
      <c r="E12" s="16">
        <v>5441</v>
      </c>
      <c r="F12" s="16">
        <v>382249</v>
      </c>
      <c r="G12" s="16">
        <v>5144</v>
      </c>
      <c r="H12" s="16">
        <v>353693</v>
      </c>
      <c r="I12" s="16">
        <v>35</v>
      </c>
      <c r="J12" s="16">
        <v>2737</v>
      </c>
      <c r="K12" s="16">
        <v>262</v>
      </c>
      <c r="L12" s="16">
        <v>25819</v>
      </c>
    </row>
    <row r="13" spans="2:12" ht="12.95" customHeight="1" x14ac:dyDescent="0.15">
      <c r="B13" s="17"/>
      <c r="C13" s="12"/>
      <c r="D13" s="18" t="s">
        <v>35</v>
      </c>
      <c r="E13" s="19">
        <v>108</v>
      </c>
      <c r="F13" s="19">
        <v>3077</v>
      </c>
      <c r="G13" s="19">
        <v>0</v>
      </c>
      <c r="H13" s="19">
        <v>0</v>
      </c>
      <c r="I13" s="19">
        <v>105</v>
      </c>
      <c r="J13" s="19">
        <v>2849</v>
      </c>
      <c r="K13" s="19">
        <v>3</v>
      </c>
      <c r="L13" s="19">
        <v>228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14</v>
      </c>
      <c r="F14" s="21">
        <v>10468</v>
      </c>
      <c r="G14" s="21">
        <v>111</v>
      </c>
      <c r="H14" s="21">
        <v>10352</v>
      </c>
      <c r="I14" s="21">
        <v>3</v>
      </c>
      <c r="J14" s="21">
        <v>116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11</v>
      </c>
      <c r="F15" s="16">
        <v>10352</v>
      </c>
      <c r="G15" s="16">
        <v>111</v>
      </c>
      <c r="H15" s="16">
        <v>10352</v>
      </c>
      <c r="I15" s="16">
        <v>0</v>
      </c>
      <c r="J15" s="16">
        <v>0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3</v>
      </c>
      <c r="F16" s="19">
        <v>116</v>
      </c>
      <c r="G16" s="19">
        <v>0</v>
      </c>
      <c r="H16" s="19">
        <v>0</v>
      </c>
      <c r="I16" s="19">
        <v>3</v>
      </c>
      <c r="J16" s="19">
        <v>116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357</v>
      </c>
      <c r="F17" s="21">
        <v>158443</v>
      </c>
      <c r="G17" s="21">
        <v>2040</v>
      </c>
      <c r="H17" s="21">
        <v>130520</v>
      </c>
      <c r="I17" s="21">
        <v>52</v>
      </c>
      <c r="J17" s="21">
        <v>1876</v>
      </c>
      <c r="K17" s="21">
        <v>265</v>
      </c>
      <c r="L17" s="21">
        <v>26047</v>
      </c>
    </row>
    <row r="18" spans="2:12" ht="12.95" customHeight="1" x14ac:dyDescent="0.15">
      <c r="B18" s="12"/>
      <c r="C18" s="12"/>
      <c r="D18" s="15" t="s">
        <v>54</v>
      </c>
      <c r="E18" s="16">
        <v>2312</v>
      </c>
      <c r="F18" s="16">
        <v>157219</v>
      </c>
      <c r="G18" s="16">
        <v>2040</v>
      </c>
      <c r="H18" s="16">
        <v>130520</v>
      </c>
      <c r="I18" s="16">
        <v>10</v>
      </c>
      <c r="J18" s="16">
        <v>880</v>
      </c>
      <c r="K18" s="16">
        <v>262</v>
      </c>
      <c r="L18" s="16">
        <v>25819</v>
      </c>
    </row>
    <row r="19" spans="2:12" ht="12.95" customHeight="1" x14ac:dyDescent="0.15">
      <c r="B19" s="12"/>
      <c r="C19" s="12"/>
      <c r="D19" s="18" t="s">
        <v>35</v>
      </c>
      <c r="E19" s="19">
        <v>45</v>
      </c>
      <c r="F19" s="19">
        <v>1224</v>
      </c>
      <c r="G19" s="19">
        <v>0</v>
      </c>
      <c r="H19" s="19">
        <v>0</v>
      </c>
      <c r="I19" s="19">
        <v>42</v>
      </c>
      <c r="J19" s="19">
        <v>996</v>
      </c>
      <c r="K19" s="19">
        <v>3</v>
      </c>
      <c r="L19" s="19">
        <v>228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198</v>
      </c>
      <c r="F20" s="21">
        <v>10507</v>
      </c>
      <c r="G20" s="21">
        <v>193</v>
      </c>
      <c r="H20" s="21">
        <v>10429</v>
      </c>
      <c r="I20" s="21">
        <v>5</v>
      </c>
      <c r="J20" s="21">
        <v>78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193</v>
      </c>
      <c r="F21" s="16">
        <v>10429</v>
      </c>
      <c r="G21" s="16">
        <v>193</v>
      </c>
      <c r="H21" s="16">
        <v>10429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5</v>
      </c>
      <c r="F22" s="19">
        <v>78</v>
      </c>
      <c r="G22" s="19">
        <v>0</v>
      </c>
      <c r="H22" s="19">
        <v>0</v>
      </c>
      <c r="I22" s="19">
        <v>5</v>
      </c>
      <c r="J22" s="19">
        <v>78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145</v>
      </c>
      <c r="F23" s="21">
        <v>7380</v>
      </c>
      <c r="G23" s="21">
        <v>145</v>
      </c>
      <c r="H23" s="21">
        <v>7380</v>
      </c>
      <c r="I23" s="21">
        <v>0</v>
      </c>
      <c r="J23" s="21">
        <v>0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145</v>
      </c>
      <c r="F24" s="16">
        <v>7380</v>
      </c>
      <c r="G24" s="16">
        <v>145</v>
      </c>
      <c r="H24" s="16">
        <v>7380</v>
      </c>
      <c r="I24" s="16">
        <v>0</v>
      </c>
      <c r="J24" s="16">
        <v>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0</v>
      </c>
      <c r="F25" s="19">
        <v>0</v>
      </c>
      <c r="G25" s="19">
        <v>0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390</v>
      </c>
      <c r="F26" s="21">
        <v>30873</v>
      </c>
      <c r="G26" s="21">
        <v>125</v>
      </c>
      <c r="H26" s="21">
        <v>4826</v>
      </c>
      <c r="I26" s="21">
        <v>0</v>
      </c>
      <c r="J26" s="21">
        <v>0</v>
      </c>
      <c r="K26" s="21">
        <v>265</v>
      </c>
      <c r="L26" s="21">
        <v>26047</v>
      </c>
    </row>
    <row r="27" spans="2:12" ht="12.95" customHeight="1" x14ac:dyDescent="0.15">
      <c r="B27" s="12"/>
      <c r="C27" s="12"/>
      <c r="D27" s="15" t="s">
        <v>54</v>
      </c>
      <c r="E27" s="16">
        <v>387</v>
      </c>
      <c r="F27" s="16">
        <v>30645</v>
      </c>
      <c r="G27" s="16">
        <v>125</v>
      </c>
      <c r="H27" s="16">
        <v>4826</v>
      </c>
      <c r="I27" s="16">
        <v>0</v>
      </c>
      <c r="J27" s="16">
        <v>0</v>
      </c>
      <c r="K27" s="16">
        <v>262</v>
      </c>
      <c r="L27" s="16">
        <v>25819</v>
      </c>
    </row>
    <row r="28" spans="2:12" ht="12.95" customHeight="1" x14ac:dyDescent="0.15">
      <c r="B28" s="12"/>
      <c r="C28" s="12"/>
      <c r="D28" s="18" t="s">
        <v>35</v>
      </c>
      <c r="E28" s="19">
        <v>3</v>
      </c>
      <c r="F28" s="19">
        <v>228</v>
      </c>
      <c r="G28" s="19">
        <v>0</v>
      </c>
      <c r="H28" s="19">
        <v>0</v>
      </c>
      <c r="I28" s="19">
        <v>0</v>
      </c>
      <c r="J28" s="19">
        <v>0</v>
      </c>
      <c r="K28" s="19">
        <v>3</v>
      </c>
      <c r="L28" s="19">
        <v>228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127</v>
      </c>
      <c r="F29" s="21">
        <v>8713</v>
      </c>
      <c r="G29" s="21">
        <v>125</v>
      </c>
      <c r="H29" s="21">
        <v>8681</v>
      </c>
      <c r="I29" s="21">
        <v>2</v>
      </c>
      <c r="J29" s="21">
        <v>32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125</v>
      </c>
      <c r="F30" s="16">
        <v>8681</v>
      </c>
      <c r="G30" s="16">
        <v>125</v>
      </c>
      <c r="H30" s="16">
        <v>8681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2</v>
      </c>
      <c r="F31" s="19">
        <v>32</v>
      </c>
      <c r="G31" s="19">
        <v>0</v>
      </c>
      <c r="H31" s="19">
        <v>0</v>
      </c>
      <c r="I31" s="19">
        <v>2</v>
      </c>
      <c r="J31" s="19">
        <v>32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313</v>
      </c>
      <c r="F32" s="21">
        <v>12865</v>
      </c>
      <c r="G32" s="21">
        <v>311</v>
      </c>
      <c r="H32" s="21">
        <v>12816</v>
      </c>
      <c r="I32" s="21">
        <v>2</v>
      </c>
      <c r="J32" s="21">
        <v>49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311</v>
      </c>
      <c r="F33" s="16">
        <v>12816</v>
      </c>
      <c r="G33" s="16">
        <v>311</v>
      </c>
      <c r="H33" s="16">
        <v>12816</v>
      </c>
      <c r="I33" s="16">
        <v>0</v>
      </c>
      <c r="J33" s="16">
        <v>0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2</v>
      </c>
      <c r="F34" s="19">
        <v>49</v>
      </c>
      <c r="G34" s="19">
        <v>0</v>
      </c>
      <c r="H34" s="19">
        <v>0</v>
      </c>
      <c r="I34" s="19">
        <v>2</v>
      </c>
      <c r="J34" s="19">
        <v>49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12</v>
      </c>
      <c r="F35" s="21">
        <v>8930</v>
      </c>
      <c r="G35" s="21">
        <v>112</v>
      </c>
      <c r="H35" s="21">
        <v>8930</v>
      </c>
      <c r="I35" s="21">
        <v>0</v>
      </c>
      <c r="J35" s="21">
        <v>0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12</v>
      </c>
      <c r="F36" s="16">
        <v>8930</v>
      </c>
      <c r="G36" s="16">
        <v>112</v>
      </c>
      <c r="H36" s="16">
        <v>8930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0</v>
      </c>
      <c r="F37" s="19">
        <v>0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108</v>
      </c>
      <c r="F38" s="21">
        <v>6591</v>
      </c>
      <c r="G38" s="21">
        <v>96</v>
      </c>
      <c r="H38" s="21">
        <v>6292</v>
      </c>
      <c r="I38" s="21">
        <v>12</v>
      </c>
      <c r="J38" s="21">
        <v>299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96</v>
      </c>
      <c r="F39" s="16">
        <v>6292</v>
      </c>
      <c r="G39" s="16">
        <v>96</v>
      </c>
      <c r="H39" s="16">
        <v>6292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12</v>
      </c>
      <c r="F40" s="19">
        <v>299</v>
      </c>
      <c r="G40" s="19">
        <v>0</v>
      </c>
      <c r="H40" s="19">
        <v>0</v>
      </c>
      <c r="I40" s="19">
        <v>12</v>
      </c>
      <c r="J40" s="19">
        <v>299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54</v>
      </c>
      <c r="F41" s="21">
        <v>3769</v>
      </c>
      <c r="G41" s="21">
        <v>54</v>
      </c>
      <c r="H41" s="21">
        <v>3769</v>
      </c>
      <c r="I41" s="21">
        <v>0</v>
      </c>
      <c r="J41" s="21">
        <v>0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54</v>
      </c>
      <c r="F42" s="16">
        <v>3769</v>
      </c>
      <c r="G42" s="16">
        <v>54</v>
      </c>
      <c r="H42" s="16">
        <v>3769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227</v>
      </c>
      <c r="F44" s="21">
        <v>14710</v>
      </c>
      <c r="G44" s="21">
        <v>217</v>
      </c>
      <c r="H44" s="21">
        <v>14374</v>
      </c>
      <c r="I44" s="21">
        <v>10</v>
      </c>
      <c r="J44" s="21">
        <v>336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220</v>
      </c>
      <c r="F45" s="16">
        <v>14551</v>
      </c>
      <c r="G45" s="16">
        <v>217</v>
      </c>
      <c r="H45" s="16">
        <v>14374</v>
      </c>
      <c r="I45" s="16">
        <v>3</v>
      </c>
      <c r="J45" s="16">
        <v>177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7</v>
      </c>
      <c r="F46" s="19">
        <v>159</v>
      </c>
      <c r="G46" s="19">
        <v>0</v>
      </c>
      <c r="H46" s="19">
        <v>0</v>
      </c>
      <c r="I46" s="19">
        <v>7</v>
      </c>
      <c r="J46" s="19">
        <v>159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85</v>
      </c>
      <c r="F47" s="21">
        <v>6747</v>
      </c>
      <c r="G47" s="21">
        <v>82</v>
      </c>
      <c r="H47" s="21">
        <v>6655</v>
      </c>
      <c r="I47" s="21">
        <v>3</v>
      </c>
      <c r="J47" s="21">
        <v>92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83</v>
      </c>
      <c r="F48" s="16">
        <v>6670</v>
      </c>
      <c r="G48" s="16">
        <v>82</v>
      </c>
      <c r="H48" s="16">
        <v>6655</v>
      </c>
      <c r="I48" s="16">
        <v>1</v>
      </c>
      <c r="J48" s="16">
        <v>15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2</v>
      </c>
      <c r="F49" s="19">
        <v>77</v>
      </c>
      <c r="G49" s="19">
        <v>0</v>
      </c>
      <c r="H49" s="19">
        <v>0</v>
      </c>
      <c r="I49" s="19">
        <v>2</v>
      </c>
      <c r="J49" s="19">
        <v>77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144</v>
      </c>
      <c r="F50" s="21">
        <v>9134</v>
      </c>
      <c r="G50" s="21">
        <v>141</v>
      </c>
      <c r="H50" s="21">
        <v>8986</v>
      </c>
      <c r="I50" s="21">
        <v>3</v>
      </c>
      <c r="J50" s="21">
        <v>148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142</v>
      </c>
      <c r="F51" s="16">
        <v>9093</v>
      </c>
      <c r="G51" s="16">
        <v>141</v>
      </c>
      <c r="H51" s="16">
        <v>8986</v>
      </c>
      <c r="I51" s="16">
        <v>1</v>
      </c>
      <c r="J51" s="16">
        <v>107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2</v>
      </c>
      <c r="F52" s="19">
        <v>41</v>
      </c>
      <c r="G52" s="19">
        <v>0</v>
      </c>
      <c r="H52" s="19">
        <v>0</v>
      </c>
      <c r="I52" s="19">
        <v>2</v>
      </c>
      <c r="J52" s="19">
        <v>41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91</v>
      </c>
      <c r="F53" s="21">
        <v>7389</v>
      </c>
      <c r="G53" s="21">
        <v>89</v>
      </c>
      <c r="H53" s="21">
        <v>7267</v>
      </c>
      <c r="I53" s="21">
        <v>2</v>
      </c>
      <c r="J53" s="21">
        <v>122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90</v>
      </c>
      <c r="F54" s="16">
        <v>7364</v>
      </c>
      <c r="G54" s="16">
        <v>89</v>
      </c>
      <c r="H54" s="16">
        <v>7267</v>
      </c>
      <c r="I54" s="16">
        <v>1</v>
      </c>
      <c r="J54" s="16">
        <v>97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1</v>
      </c>
      <c r="F55" s="19">
        <v>25</v>
      </c>
      <c r="G55" s="19">
        <v>0</v>
      </c>
      <c r="H55" s="19">
        <v>0</v>
      </c>
      <c r="I55" s="19">
        <v>1</v>
      </c>
      <c r="J55" s="19">
        <v>25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89</v>
      </c>
      <c r="F56" s="21">
        <v>5603</v>
      </c>
      <c r="G56" s="21">
        <v>87</v>
      </c>
      <c r="H56" s="21">
        <v>5564</v>
      </c>
      <c r="I56" s="21">
        <v>2</v>
      </c>
      <c r="J56" s="21">
        <v>39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87</v>
      </c>
      <c r="F57" s="16">
        <v>5564</v>
      </c>
      <c r="G57" s="16">
        <v>87</v>
      </c>
      <c r="H57" s="16">
        <v>5564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2</v>
      </c>
      <c r="F58" s="19">
        <v>39</v>
      </c>
      <c r="G58" s="19">
        <v>0</v>
      </c>
      <c r="H58" s="19">
        <v>0</v>
      </c>
      <c r="I58" s="19">
        <v>2</v>
      </c>
      <c r="J58" s="19">
        <v>39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37</v>
      </c>
      <c r="F59" s="21">
        <v>2895</v>
      </c>
      <c r="G59" s="21">
        <v>37</v>
      </c>
      <c r="H59" s="21">
        <v>2895</v>
      </c>
      <c r="I59" s="21">
        <v>0</v>
      </c>
      <c r="J59" s="21">
        <v>0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37</v>
      </c>
      <c r="F60" s="16">
        <v>2895</v>
      </c>
      <c r="G60" s="16">
        <v>37</v>
      </c>
      <c r="H60" s="16">
        <v>2895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21</v>
      </c>
      <c r="F62" s="21">
        <v>2645</v>
      </c>
      <c r="G62" s="21">
        <v>20</v>
      </c>
      <c r="H62" s="21">
        <v>2544</v>
      </c>
      <c r="I62" s="21">
        <v>1</v>
      </c>
      <c r="J62" s="21">
        <v>101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21</v>
      </c>
      <c r="F63" s="16">
        <v>2645</v>
      </c>
      <c r="G63" s="16">
        <v>20</v>
      </c>
      <c r="H63" s="16">
        <v>2544</v>
      </c>
      <c r="I63" s="16">
        <v>1</v>
      </c>
      <c r="J63" s="16">
        <v>101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0</v>
      </c>
      <c r="F64" s="19">
        <v>0</v>
      </c>
      <c r="G64" s="19">
        <v>0</v>
      </c>
      <c r="H64" s="19">
        <v>0</v>
      </c>
      <c r="I64" s="19">
        <v>0</v>
      </c>
      <c r="J64" s="19">
        <v>0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71</v>
      </c>
      <c r="F65" s="21">
        <v>5489</v>
      </c>
      <c r="G65" s="21">
        <v>68</v>
      </c>
      <c r="H65" s="21">
        <v>5380</v>
      </c>
      <c r="I65" s="21">
        <v>3</v>
      </c>
      <c r="J65" s="21">
        <v>109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68</v>
      </c>
      <c r="F66" s="16">
        <v>5380</v>
      </c>
      <c r="G66" s="16">
        <v>68</v>
      </c>
      <c r="H66" s="16">
        <v>538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3</v>
      </c>
      <c r="F67" s="19">
        <v>109</v>
      </c>
      <c r="G67" s="19">
        <v>0</v>
      </c>
      <c r="H67" s="19">
        <v>0</v>
      </c>
      <c r="I67" s="19">
        <v>3</v>
      </c>
      <c r="J67" s="19">
        <v>109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65</v>
      </c>
      <c r="F68" s="21">
        <v>6450</v>
      </c>
      <c r="G68" s="21">
        <v>60</v>
      </c>
      <c r="H68" s="21">
        <v>6088</v>
      </c>
      <c r="I68" s="21">
        <v>5</v>
      </c>
      <c r="J68" s="21">
        <v>362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62</v>
      </c>
      <c r="F69" s="16">
        <v>6374</v>
      </c>
      <c r="G69" s="16">
        <v>60</v>
      </c>
      <c r="H69" s="16">
        <v>6088</v>
      </c>
      <c r="I69" s="16">
        <v>2</v>
      </c>
      <c r="J69" s="16">
        <v>286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3</v>
      </c>
      <c r="F70" s="19">
        <v>76</v>
      </c>
      <c r="G70" s="19">
        <v>0</v>
      </c>
      <c r="H70" s="19">
        <v>0</v>
      </c>
      <c r="I70" s="19">
        <v>3</v>
      </c>
      <c r="J70" s="19">
        <v>76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80</v>
      </c>
      <c r="F71" s="21">
        <v>7753</v>
      </c>
      <c r="G71" s="21">
        <v>78</v>
      </c>
      <c r="H71" s="21">
        <v>7644</v>
      </c>
      <c r="I71" s="21">
        <v>2</v>
      </c>
      <c r="J71" s="21">
        <v>109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79</v>
      </c>
      <c r="F72" s="16">
        <v>7741</v>
      </c>
      <c r="G72" s="16">
        <v>78</v>
      </c>
      <c r="H72" s="16">
        <v>7644</v>
      </c>
      <c r="I72" s="16">
        <v>1</v>
      </c>
      <c r="J72" s="16">
        <v>97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1</v>
      </c>
      <c r="F73" s="19">
        <v>12</v>
      </c>
      <c r="G73" s="19">
        <v>0</v>
      </c>
      <c r="H73" s="19">
        <v>0</v>
      </c>
      <c r="I73" s="19">
        <v>1</v>
      </c>
      <c r="J73" s="19">
        <v>12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918</v>
      </c>
      <c r="F74" s="21">
        <v>56208</v>
      </c>
      <c r="G74" s="21">
        <v>898</v>
      </c>
      <c r="H74" s="21">
        <v>55520</v>
      </c>
      <c r="I74" s="21">
        <v>20</v>
      </c>
      <c r="J74" s="21">
        <v>688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901</v>
      </c>
      <c r="F75" s="16">
        <v>55891</v>
      </c>
      <c r="G75" s="16">
        <v>898</v>
      </c>
      <c r="H75" s="16">
        <v>55520</v>
      </c>
      <c r="I75" s="16">
        <v>3</v>
      </c>
      <c r="J75" s="16">
        <v>371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17</v>
      </c>
      <c r="F76" s="19">
        <v>317</v>
      </c>
      <c r="G76" s="19">
        <v>0</v>
      </c>
      <c r="H76" s="19">
        <v>0</v>
      </c>
      <c r="I76" s="19">
        <v>17</v>
      </c>
      <c r="J76" s="19">
        <v>317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175</v>
      </c>
      <c r="F77" s="21">
        <v>7535</v>
      </c>
      <c r="G77" s="21">
        <v>175</v>
      </c>
      <c r="H77" s="21">
        <v>7535</v>
      </c>
      <c r="I77" s="21">
        <v>0</v>
      </c>
      <c r="J77" s="21">
        <v>0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175</v>
      </c>
      <c r="F78" s="16">
        <v>7535</v>
      </c>
      <c r="G78" s="16">
        <v>175</v>
      </c>
      <c r="H78" s="16">
        <v>7535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101</v>
      </c>
      <c r="F80" s="21">
        <v>8231</v>
      </c>
      <c r="G80" s="21">
        <v>101</v>
      </c>
      <c r="H80" s="21">
        <v>8231</v>
      </c>
      <c r="I80" s="21">
        <v>0</v>
      </c>
      <c r="J80" s="21">
        <v>0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101</v>
      </c>
      <c r="F81" s="16">
        <v>8231</v>
      </c>
      <c r="G81" s="16">
        <v>101</v>
      </c>
      <c r="H81" s="16">
        <v>8231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0</v>
      </c>
      <c r="F82" s="19">
        <v>0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59</v>
      </c>
      <c r="F83" s="21">
        <v>9354</v>
      </c>
      <c r="G83" s="21">
        <v>156</v>
      </c>
      <c r="H83" s="21">
        <v>9294</v>
      </c>
      <c r="I83" s="21">
        <v>3</v>
      </c>
      <c r="J83" s="21">
        <v>60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56</v>
      </c>
      <c r="F84" s="16">
        <v>9294</v>
      </c>
      <c r="G84" s="16">
        <v>156</v>
      </c>
      <c r="H84" s="16">
        <v>9294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3</v>
      </c>
      <c r="F85" s="19">
        <v>60</v>
      </c>
      <c r="G85" s="19">
        <v>0</v>
      </c>
      <c r="H85" s="19">
        <v>0</v>
      </c>
      <c r="I85" s="19">
        <v>3</v>
      </c>
      <c r="J85" s="19">
        <v>60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109</v>
      </c>
      <c r="F86" s="21">
        <v>6978</v>
      </c>
      <c r="G86" s="21">
        <v>108</v>
      </c>
      <c r="H86" s="21">
        <v>6966</v>
      </c>
      <c r="I86" s="21">
        <v>1</v>
      </c>
      <c r="J86" s="21">
        <v>12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108</v>
      </c>
      <c r="F87" s="16">
        <v>6966</v>
      </c>
      <c r="G87" s="16">
        <v>108</v>
      </c>
      <c r="H87" s="16">
        <v>6966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1</v>
      </c>
      <c r="F88" s="19">
        <v>12</v>
      </c>
      <c r="G88" s="19">
        <v>0</v>
      </c>
      <c r="H88" s="19">
        <v>0</v>
      </c>
      <c r="I88" s="19">
        <v>1</v>
      </c>
      <c r="J88" s="19">
        <v>12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175</v>
      </c>
      <c r="F89" s="21">
        <v>11449</v>
      </c>
      <c r="G89" s="21">
        <v>168</v>
      </c>
      <c r="H89" s="21">
        <v>11142</v>
      </c>
      <c r="I89" s="21">
        <v>7</v>
      </c>
      <c r="J89" s="21">
        <v>307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170</v>
      </c>
      <c r="F90" s="16">
        <v>11367</v>
      </c>
      <c r="G90" s="16">
        <v>168</v>
      </c>
      <c r="H90" s="16">
        <v>11142</v>
      </c>
      <c r="I90" s="16">
        <v>2</v>
      </c>
      <c r="J90" s="16">
        <v>225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5</v>
      </c>
      <c r="F91" s="19">
        <v>82</v>
      </c>
      <c r="G91" s="19">
        <v>0</v>
      </c>
      <c r="H91" s="19">
        <v>0</v>
      </c>
      <c r="I91" s="19">
        <v>5</v>
      </c>
      <c r="J91" s="19">
        <v>82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150</v>
      </c>
      <c r="F92" s="21">
        <v>8471</v>
      </c>
      <c r="G92" s="21">
        <v>143</v>
      </c>
      <c r="H92" s="21">
        <v>8208</v>
      </c>
      <c r="I92" s="21">
        <v>7</v>
      </c>
      <c r="J92" s="21">
        <v>263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144</v>
      </c>
      <c r="F93" s="16">
        <v>8354</v>
      </c>
      <c r="G93" s="16">
        <v>143</v>
      </c>
      <c r="H93" s="16">
        <v>8208</v>
      </c>
      <c r="I93" s="16">
        <v>1</v>
      </c>
      <c r="J93" s="16">
        <v>146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6</v>
      </c>
      <c r="F94" s="19">
        <v>117</v>
      </c>
      <c r="G94" s="19">
        <v>0</v>
      </c>
      <c r="H94" s="19">
        <v>0</v>
      </c>
      <c r="I94" s="19">
        <v>6</v>
      </c>
      <c r="J94" s="19">
        <v>117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49</v>
      </c>
      <c r="F95" s="21">
        <v>4190</v>
      </c>
      <c r="G95" s="21">
        <v>47</v>
      </c>
      <c r="H95" s="21">
        <v>4144</v>
      </c>
      <c r="I95" s="21">
        <v>2</v>
      </c>
      <c r="J95" s="21">
        <v>46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47</v>
      </c>
      <c r="F96" s="16">
        <v>4144</v>
      </c>
      <c r="G96" s="16">
        <v>47</v>
      </c>
      <c r="H96" s="16">
        <v>4144</v>
      </c>
      <c r="I96" s="16">
        <v>0</v>
      </c>
      <c r="J96" s="16">
        <v>0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2</v>
      </c>
      <c r="F97" s="19">
        <v>46</v>
      </c>
      <c r="G97" s="19">
        <v>0</v>
      </c>
      <c r="H97" s="19">
        <v>0</v>
      </c>
      <c r="I97" s="19">
        <v>2</v>
      </c>
      <c r="J97" s="19">
        <v>46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495</v>
      </c>
      <c r="F98" s="21">
        <v>33935</v>
      </c>
      <c r="G98" s="21">
        <v>486</v>
      </c>
      <c r="H98" s="21">
        <v>33460</v>
      </c>
      <c r="I98" s="21">
        <v>9</v>
      </c>
      <c r="J98" s="21">
        <v>475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487</v>
      </c>
      <c r="F99" s="16">
        <v>33507</v>
      </c>
      <c r="G99" s="16">
        <v>486</v>
      </c>
      <c r="H99" s="16">
        <v>33460</v>
      </c>
      <c r="I99" s="16">
        <v>1</v>
      </c>
      <c r="J99" s="16">
        <v>47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8</v>
      </c>
      <c r="F100" s="19">
        <v>428</v>
      </c>
      <c r="G100" s="19">
        <v>0</v>
      </c>
      <c r="H100" s="19">
        <v>0</v>
      </c>
      <c r="I100" s="19">
        <v>8</v>
      </c>
      <c r="J100" s="19">
        <v>428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61</v>
      </c>
      <c r="F101" s="21">
        <v>5234</v>
      </c>
      <c r="G101" s="21">
        <v>58</v>
      </c>
      <c r="H101" s="21">
        <v>4979</v>
      </c>
      <c r="I101" s="21">
        <v>3</v>
      </c>
      <c r="J101" s="21">
        <v>255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59</v>
      </c>
      <c r="F102" s="16">
        <v>5026</v>
      </c>
      <c r="G102" s="16">
        <v>58</v>
      </c>
      <c r="H102" s="16">
        <v>4979</v>
      </c>
      <c r="I102" s="16">
        <v>1</v>
      </c>
      <c r="J102" s="16">
        <v>47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2</v>
      </c>
      <c r="F103" s="19">
        <v>208</v>
      </c>
      <c r="G103" s="19">
        <v>0</v>
      </c>
      <c r="H103" s="19">
        <v>0</v>
      </c>
      <c r="I103" s="19">
        <v>2</v>
      </c>
      <c r="J103" s="19">
        <v>208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295</v>
      </c>
      <c r="F104" s="21">
        <v>20303</v>
      </c>
      <c r="G104" s="21">
        <v>290</v>
      </c>
      <c r="H104" s="21">
        <v>20103</v>
      </c>
      <c r="I104" s="21">
        <v>5</v>
      </c>
      <c r="J104" s="21">
        <v>200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290</v>
      </c>
      <c r="F105" s="16">
        <v>20103</v>
      </c>
      <c r="G105" s="16">
        <v>290</v>
      </c>
      <c r="H105" s="16">
        <v>20103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5</v>
      </c>
      <c r="F106" s="19">
        <v>200</v>
      </c>
      <c r="G106" s="19">
        <v>0</v>
      </c>
      <c r="H106" s="19">
        <v>0</v>
      </c>
      <c r="I106" s="19">
        <v>5</v>
      </c>
      <c r="J106" s="19">
        <v>200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39</v>
      </c>
      <c r="F107" s="21">
        <v>8398</v>
      </c>
      <c r="G107" s="21">
        <v>138</v>
      </c>
      <c r="H107" s="21">
        <v>8378</v>
      </c>
      <c r="I107" s="21">
        <v>1</v>
      </c>
      <c r="J107" s="21">
        <v>20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38</v>
      </c>
      <c r="F108" s="16">
        <v>8378</v>
      </c>
      <c r="G108" s="16">
        <v>138</v>
      </c>
      <c r="H108" s="16">
        <v>8378</v>
      </c>
      <c r="I108" s="16">
        <v>0</v>
      </c>
      <c r="J108" s="16">
        <v>0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1</v>
      </c>
      <c r="F109" s="19">
        <v>20</v>
      </c>
      <c r="G109" s="19">
        <v>0</v>
      </c>
      <c r="H109" s="19">
        <v>0</v>
      </c>
      <c r="I109" s="19">
        <v>1</v>
      </c>
      <c r="J109" s="19">
        <v>20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779</v>
      </c>
      <c r="F110" s="21">
        <v>136740</v>
      </c>
      <c r="G110" s="21">
        <v>1720</v>
      </c>
      <c r="H110" s="21">
        <v>134193</v>
      </c>
      <c r="I110" s="21">
        <v>59</v>
      </c>
      <c r="J110" s="21">
        <v>2547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741</v>
      </c>
      <c r="F111" s="16">
        <v>135632</v>
      </c>
      <c r="G111" s="16">
        <v>1720</v>
      </c>
      <c r="H111" s="16">
        <v>134193</v>
      </c>
      <c r="I111" s="16">
        <v>21</v>
      </c>
      <c r="J111" s="16">
        <v>1439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38</v>
      </c>
      <c r="F112" s="19">
        <v>1108</v>
      </c>
      <c r="G112" s="19">
        <v>0</v>
      </c>
      <c r="H112" s="19">
        <v>0</v>
      </c>
      <c r="I112" s="19">
        <v>38</v>
      </c>
      <c r="J112" s="19">
        <v>1108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61</v>
      </c>
      <c r="F113" s="21">
        <v>11910</v>
      </c>
      <c r="G113" s="21">
        <v>157</v>
      </c>
      <c r="H113" s="21">
        <v>11760</v>
      </c>
      <c r="I113" s="21">
        <v>4</v>
      </c>
      <c r="J113" s="21">
        <v>150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58</v>
      </c>
      <c r="F114" s="16">
        <v>11857</v>
      </c>
      <c r="G114" s="16">
        <v>157</v>
      </c>
      <c r="H114" s="16">
        <v>11760</v>
      </c>
      <c r="I114" s="16">
        <v>1</v>
      </c>
      <c r="J114" s="16">
        <v>97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3</v>
      </c>
      <c r="F115" s="19">
        <v>53</v>
      </c>
      <c r="G115" s="19">
        <v>0</v>
      </c>
      <c r="H115" s="19">
        <v>0</v>
      </c>
      <c r="I115" s="19">
        <v>3</v>
      </c>
      <c r="J115" s="19">
        <v>53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09</v>
      </c>
      <c r="F116" s="21">
        <v>9389</v>
      </c>
      <c r="G116" s="21">
        <v>107</v>
      </c>
      <c r="H116" s="21">
        <v>9354</v>
      </c>
      <c r="I116" s="21">
        <v>2</v>
      </c>
      <c r="J116" s="21">
        <v>35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07</v>
      </c>
      <c r="F117" s="16">
        <v>9354</v>
      </c>
      <c r="G117" s="16">
        <v>107</v>
      </c>
      <c r="H117" s="16">
        <v>9354</v>
      </c>
      <c r="I117" s="16">
        <v>0</v>
      </c>
      <c r="J117" s="16">
        <v>0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2</v>
      </c>
      <c r="F118" s="19">
        <v>35</v>
      </c>
      <c r="G118" s="19">
        <v>0</v>
      </c>
      <c r="H118" s="19">
        <v>0</v>
      </c>
      <c r="I118" s="19">
        <v>2</v>
      </c>
      <c r="J118" s="19">
        <v>35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52</v>
      </c>
      <c r="F119" s="21">
        <v>5012</v>
      </c>
      <c r="G119" s="21">
        <v>50</v>
      </c>
      <c r="H119" s="21">
        <v>4950</v>
      </c>
      <c r="I119" s="21">
        <v>2</v>
      </c>
      <c r="J119" s="21">
        <v>62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51</v>
      </c>
      <c r="F120" s="16">
        <v>5001</v>
      </c>
      <c r="G120" s="16">
        <v>50</v>
      </c>
      <c r="H120" s="16">
        <v>4950</v>
      </c>
      <c r="I120" s="16">
        <v>1</v>
      </c>
      <c r="J120" s="16">
        <v>51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1</v>
      </c>
      <c r="F121" s="19">
        <v>11</v>
      </c>
      <c r="G121" s="19">
        <v>0</v>
      </c>
      <c r="H121" s="19">
        <v>0</v>
      </c>
      <c r="I121" s="19">
        <v>1</v>
      </c>
      <c r="J121" s="19">
        <v>11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376</v>
      </c>
      <c r="F122" s="21">
        <v>30997</v>
      </c>
      <c r="G122" s="21">
        <v>371</v>
      </c>
      <c r="H122" s="21">
        <v>30877</v>
      </c>
      <c r="I122" s="21">
        <v>5</v>
      </c>
      <c r="J122" s="21">
        <v>120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373</v>
      </c>
      <c r="F123" s="16">
        <v>30954</v>
      </c>
      <c r="G123" s="16">
        <v>371</v>
      </c>
      <c r="H123" s="16">
        <v>30877</v>
      </c>
      <c r="I123" s="16">
        <v>2</v>
      </c>
      <c r="J123" s="16">
        <v>77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3</v>
      </c>
      <c r="F124" s="19">
        <v>43</v>
      </c>
      <c r="G124" s="19">
        <v>0</v>
      </c>
      <c r="H124" s="19">
        <v>0</v>
      </c>
      <c r="I124" s="19">
        <v>3</v>
      </c>
      <c r="J124" s="19">
        <v>43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53</v>
      </c>
      <c r="F125" s="21">
        <v>5750</v>
      </c>
      <c r="G125" s="21">
        <v>52</v>
      </c>
      <c r="H125" s="21">
        <v>5677</v>
      </c>
      <c r="I125" s="21">
        <v>1</v>
      </c>
      <c r="J125" s="21">
        <v>73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53</v>
      </c>
      <c r="F126" s="16">
        <v>5750</v>
      </c>
      <c r="G126" s="16">
        <v>52</v>
      </c>
      <c r="H126" s="16">
        <v>5677</v>
      </c>
      <c r="I126" s="16">
        <v>1</v>
      </c>
      <c r="J126" s="16">
        <v>73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513</v>
      </c>
      <c r="F128" s="21">
        <v>34004</v>
      </c>
      <c r="G128" s="21">
        <v>495</v>
      </c>
      <c r="H128" s="21">
        <v>33227</v>
      </c>
      <c r="I128" s="21">
        <v>18</v>
      </c>
      <c r="J128" s="21">
        <v>777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496</v>
      </c>
      <c r="F129" s="16">
        <v>33244</v>
      </c>
      <c r="G129" s="16">
        <v>495</v>
      </c>
      <c r="H129" s="16">
        <v>33227</v>
      </c>
      <c r="I129" s="16">
        <v>1</v>
      </c>
      <c r="J129" s="16">
        <v>17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17</v>
      </c>
      <c r="F130" s="19">
        <v>760</v>
      </c>
      <c r="G130" s="19">
        <v>0</v>
      </c>
      <c r="H130" s="19">
        <v>0</v>
      </c>
      <c r="I130" s="19">
        <v>17</v>
      </c>
      <c r="J130" s="19">
        <v>760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45</v>
      </c>
      <c r="F131" s="21">
        <v>3241</v>
      </c>
      <c r="G131" s="21">
        <v>44</v>
      </c>
      <c r="H131" s="21">
        <v>3219</v>
      </c>
      <c r="I131" s="21">
        <v>1</v>
      </c>
      <c r="J131" s="21">
        <v>22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45</v>
      </c>
      <c r="F132" s="16">
        <v>3241</v>
      </c>
      <c r="G132" s="16">
        <v>44</v>
      </c>
      <c r="H132" s="16">
        <v>3219</v>
      </c>
      <c r="I132" s="16">
        <v>1</v>
      </c>
      <c r="J132" s="16">
        <v>22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6</v>
      </c>
      <c r="F134" s="21">
        <v>664</v>
      </c>
      <c r="G134" s="21">
        <v>6</v>
      </c>
      <c r="H134" s="21">
        <v>664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6</v>
      </c>
      <c r="F135" s="16">
        <v>664</v>
      </c>
      <c r="G135" s="16">
        <v>6</v>
      </c>
      <c r="H135" s="16">
        <v>664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51</v>
      </c>
      <c r="F137" s="21">
        <v>4338</v>
      </c>
      <c r="G137" s="21">
        <v>51</v>
      </c>
      <c r="H137" s="21">
        <v>4338</v>
      </c>
      <c r="I137" s="21">
        <v>0</v>
      </c>
      <c r="J137" s="21">
        <v>0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51</v>
      </c>
      <c r="F138" s="16">
        <v>4338</v>
      </c>
      <c r="G138" s="16">
        <v>51</v>
      </c>
      <c r="H138" s="16">
        <v>4338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116</v>
      </c>
      <c r="F140" s="21">
        <v>7162</v>
      </c>
      <c r="G140" s="21">
        <v>113</v>
      </c>
      <c r="H140" s="21">
        <v>7118</v>
      </c>
      <c r="I140" s="21">
        <v>3</v>
      </c>
      <c r="J140" s="21">
        <v>44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113</v>
      </c>
      <c r="F141" s="16">
        <v>7118</v>
      </c>
      <c r="G141" s="16">
        <v>113</v>
      </c>
      <c r="H141" s="16">
        <v>7118</v>
      </c>
      <c r="I141" s="16">
        <v>0</v>
      </c>
      <c r="J141" s="16">
        <v>0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3</v>
      </c>
      <c r="F142" s="19">
        <v>44</v>
      </c>
      <c r="G142" s="19">
        <v>0</v>
      </c>
      <c r="H142" s="19">
        <v>0</v>
      </c>
      <c r="I142" s="19">
        <v>3</v>
      </c>
      <c r="J142" s="19">
        <v>44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36</v>
      </c>
      <c r="F143" s="21">
        <v>3331</v>
      </c>
      <c r="G143" s="21">
        <v>26</v>
      </c>
      <c r="H143" s="21">
        <v>2642</v>
      </c>
      <c r="I143" s="21">
        <v>10</v>
      </c>
      <c r="J143" s="21">
        <v>689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35</v>
      </c>
      <c r="F144" s="16">
        <v>3320</v>
      </c>
      <c r="G144" s="16">
        <v>26</v>
      </c>
      <c r="H144" s="16">
        <v>2642</v>
      </c>
      <c r="I144" s="16">
        <v>9</v>
      </c>
      <c r="J144" s="16">
        <v>678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1</v>
      </c>
      <c r="F145" s="19">
        <v>11</v>
      </c>
      <c r="G145" s="19">
        <v>0</v>
      </c>
      <c r="H145" s="19">
        <v>0</v>
      </c>
      <c r="I145" s="19">
        <v>1</v>
      </c>
      <c r="J145" s="19">
        <v>11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37</v>
      </c>
      <c r="F146" s="21">
        <v>2782</v>
      </c>
      <c r="G146" s="21">
        <v>37</v>
      </c>
      <c r="H146" s="21">
        <v>2782</v>
      </c>
      <c r="I146" s="21">
        <v>0</v>
      </c>
      <c r="J146" s="21">
        <v>0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37</v>
      </c>
      <c r="F147" s="16">
        <v>2782</v>
      </c>
      <c r="G147" s="16">
        <v>37</v>
      </c>
      <c r="H147" s="16">
        <v>2782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102</v>
      </c>
      <c r="F149" s="21">
        <v>7109</v>
      </c>
      <c r="G149" s="21">
        <v>95</v>
      </c>
      <c r="H149" s="21">
        <v>6757</v>
      </c>
      <c r="I149" s="21">
        <v>7</v>
      </c>
      <c r="J149" s="21">
        <v>352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97</v>
      </c>
      <c r="F150" s="16">
        <v>7007</v>
      </c>
      <c r="G150" s="16">
        <v>95</v>
      </c>
      <c r="H150" s="16">
        <v>6757</v>
      </c>
      <c r="I150" s="16">
        <v>2</v>
      </c>
      <c r="J150" s="16">
        <v>25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5</v>
      </c>
      <c r="F151" s="19">
        <v>102</v>
      </c>
      <c r="G151" s="19">
        <v>0</v>
      </c>
      <c r="H151" s="19">
        <v>0</v>
      </c>
      <c r="I151" s="19">
        <v>5</v>
      </c>
      <c r="J151" s="19">
        <v>102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61</v>
      </c>
      <c r="F152" s="21">
        <v>4711</v>
      </c>
      <c r="G152" s="21">
        <v>58</v>
      </c>
      <c r="H152" s="21">
        <v>4543</v>
      </c>
      <c r="I152" s="21">
        <v>3</v>
      </c>
      <c r="J152" s="21">
        <v>168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59</v>
      </c>
      <c r="F153" s="16">
        <v>4689</v>
      </c>
      <c r="G153" s="16">
        <v>58</v>
      </c>
      <c r="H153" s="16">
        <v>4543</v>
      </c>
      <c r="I153" s="16">
        <v>1</v>
      </c>
      <c r="J153" s="16">
        <v>146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2</v>
      </c>
      <c r="F154" s="19">
        <v>22</v>
      </c>
      <c r="G154" s="19">
        <v>0</v>
      </c>
      <c r="H154" s="19">
        <v>0</v>
      </c>
      <c r="I154" s="19">
        <v>2</v>
      </c>
      <c r="J154" s="19">
        <v>22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26</v>
      </c>
      <c r="F155" s="21">
        <v>2669</v>
      </c>
      <c r="G155" s="21">
        <v>25</v>
      </c>
      <c r="H155" s="21">
        <v>2642</v>
      </c>
      <c r="I155" s="21">
        <v>1</v>
      </c>
      <c r="J155" s="21">
        <v>27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25</v>
      </c>
      <c r="F156" s="16">
        <v>2642</v>
      </c>
      <c r="G156" s="16">
        <v>25</v>
      </c>
      <c r="H156" s="16">
        <v>2642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1</v>
      </c>
      <c r="F157" s="19">
        <v>27</v>
      </c>
      <c r="G157" s="19">
        <v>0</v>
      </c>
      <c r="H157" s="19">
        <v>0</v>
      </c>
      <c r="I157" s="19">
        <v>1</v>
      </c>
      <c r="J157" s="19">
        <v>27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35</v>
      </c>
      <c r="F158" s="21">
        <v>3671</v>
      </c>
      <c r="G158" s="21">
        <v>33</v>
      </c>
      <c r="H158" s="21">
        <v>3643</v>
      </c>
      <c r="I158" s="21">
        <v>2</v>
      </c>
      <c r="J158" s="21">
        <v>28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35</v>
      </c>
      <c r="F159" s="16">
        <v>3671</v>
      </c>
      <c r="G159" s="16">
        <v>33</v>
      </c>
      <c r="H159" s="16">
        <v>3643</v>
      </c>
      <c r="I159" s="16">
        <v>2</v>
      </c>
      <c r="J159" s="16">
        <v>28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9</v>
      </c>
      <c r="F161" s="21">
        <v>1388</v>
      </c>
      <c r="G161" s="21">
        <v>9</v>
      </c>
      <c r="H161" s="21">
        <v>1388</v>
      </c>
      <c r="I161" s="21">
        <v>0</v>
      </c>
      <c r="J161" s="21">
        <v>0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9</v>
      </c>
      <c r="F162" s="16">
        <v>1388</v>
      </c>
      <c r="G162" s="16">
        <v>9</v>
      </c>
      <c r="H162" s="16">
        <v>1388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9</v>
      </c>
      <c r="F164" s="21">
        <v>1388</v>
      </c>
      <c r="G164" s="21">
        <v>9</v>
      </c>
      <c r="H164" s="21">
        <v>1388</v>
      </c>
      <c r="I164" s="21">
        <v>0</v>
      </c>
      <c r="J164" s="21">
        <v>0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9</v>
      </c>
      <c r="F165" s="16">
        <v>1388</v>
      </c>
      <c r="G165" s="16">
        <v>9</v>
      </c>
      <c r="H165" s="16">
        <v>1388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21</v>
      </c>
      <c r="F167" s="21">
        <v>2217</v>
      </c>
      <c r="G167" s="21">
        <v>21</v>
      </c>
      <c r="H167" s="21">
        <v>2217</v>
      </c>
      <c r="I167" s="21">
        <v>0</v>
      </c>
      <c r="J167" s="21">
        <v>0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21</v>
      </c>
      <c r="F168" s="16">
        <v>2217</v>
      </c>
      <c r="G168" s="16">
        <v>21</v>
      </c>
      <c r="H168" s="16">
        <v>2217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21</v>
      </c>
      <c r="F170" s="21">
        <v>2217</v>
      </c>
      <c r="G170" s="21">
        <v>21</v>
      </c>
      <c r="H170" s="21">
        <v>2217</v>
      </c>
      <c r="I170" s="21">
        <v>0</v>
      </c>
      <c r="J170" s="21">
        <v>0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21</v>
      </c>
      <c r="F171" s="16">
        <v>2217</v>
      </c>
      <c r="G171" s="16">
        <v>21</v>
      </c>
      <c r="H171" s="16">
        <v>2217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19</v>
      </c>
      <c r="F173" s="21">
        <v>1942</v>
      </c>
      <c r="G173" s="21">
        <v>18</v>
      </c>
      <c r="H173" s="21">
        <v>1908</v>
      </c>
      <c r="I173" s="21">
        <v>1</v>
      </c>
      <c r="J173" s="21">
        <v>34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18</v>
      </c>
      <c r="F174" s="16">
        <v>1908</v>
      </c>
      <c r="G174" s="16">
        <v>18</v>
      </c>
      <c r="H174" s="16">
        <v>1908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1</v>
      </c>
      <c r="F175" s="19">
        <v>34</v>
      </c>
      <c r="G175" s="19">
        <v>0</v>
      </c>
      <c r="H175" s="19">
        <v>0</v>
      </c>
      <c r="I175" s="19">
        <v>1</v>
      </c>
      <c r="J175" s="19">
        <v>34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1</v>
      </c>
      <c r="F176" s="21">
        <v>991</v>
      </c>
      <c r="G176" s="21">
        <v>10</v>
      </c>
      <c r="H176" s="21">
        <v>957</v>
      </c>
      <c r="I176" s="21">
        <v>1</v>
      </c>
      <c r="J176" s="21">
        <v>34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0</v>
      </c>
      <c r="F177" s="16">
        <v>957</v>
      </c>
      <c r="G177" s="16">
        <v>10</v>
      </c>
      <c r="H177" s="16">
        <v>957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1</v>
      </c>
      <c r="F178" s="19">
        <v>34</v>
      </c>
      <c r="G178" s="19">
        <v>0</v>
      </c>
      <c r="H178" s="19">
        <v>0</v>
      </c>
      <c r="I178" s="19">
        <v>1</v>
      </c>
      <c r="J178" s="19">
        <v>34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8</v>
      </c>
      <c r="F179" s="21">
        <v>951</v>
      </c>
      <c r="G179" s="21">
        <v>8</v>
      </c>
      <c r="H179" s="21">
        <v>951</v>
      </c>
      <c r="I179" s="21">
        <v>0</v>
      </c>
      <c r="J179" s="21">
        <v>0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8</v>
      </c>
      <c r="F180" s="16">
        <v>951</v>
      </c>
      <c r="G180" s="16">
        <v>8</v>
      </c>
      <c r="H180" s="16">
        <v>951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34</v>
      </c>
      <c r="F182" s="21">
        <v>3074</v>
      </c>
      <c r="G182" s="21">
        <v>33</v>
      </c>
      <c r="H182" s="21">
        <v>3028</v>
      </c>
      <c r="I182" s="21">
        <v>1</v>
      </c>
      <c r="J182" s="21">
        <v>46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33</v>
      </c>
      <c r="F183" s="16">
        <v>3028</v>
      </c>
      <c r="G183" s="16">
        <v>33</v>
      </c>
      <c r="H183" s="16">
        <v>3028</v>
      </c>
      <c r="I183" s="16">
        <v>0</v>
      </c>
      <c r="J183" s="16">
        <v>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1</v>
      </c>
      <c r="F184" s="19">
        <v>46</v>
      </c>
      <c r="G184" s="19">
        <v>0</v>
      </c>
      <c r="H184" s="19">
        <v>0</v>
      </c>
      <c r="I184" s="19">
        <v>1</v>
      </c>
      <c r="J184" s="19">
        <v>46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4</v>
      </c>
      <c r="F185" s="21">
        <v>360</v>
      </c>
      <c r="G185" s="21">
        <v>3</v>
      </c>
      <c r="H185" s="21">
        <v>314</v>
      </c>
      <c r="I185" s="21">
        <v>1</v>
      </c>
      <c r="J185" s="21">
        <v>46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3</v>
      </c>
      <c r="F186" s="16">
        <v>314</v>
      </c>
      <c r="G186" s="16">
        <v>3</v>
      </c>
      <c r="H186" s="16">
        <v>314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1</v>
      </c>
      <c r="F187" s="19">
        <v>46</v>
      </c>
      <c r="G187" s="19">
        <v>0</v>
      </c>
      <c r="H187" s="19">
        <v>0</v>
      </c>
      <c r="I187" s="19">
        <v>1</v>
      </c>
      <c r="J187" s="19">
        <v>46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14</v>
      </c>
      <c r="F188" s="21">
        <v>1565</v>
      </c>
      <c r="G188" s="21">
        <v>14</v>
      </c>
      <c r="H188" s="21">
        <v>1565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14</v>
      </c>
      <c r="F189" s="16">
        <v>1565</v>
      </c>
      <c r="G189" s="16">
        <v>14</v>
      </c>
      <c r="H189" s="16">
        <v>1565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1</v>
      </c>
      <c r="F191" s="21">
        <v>96</v>
      </c>
      <c r="G191" s="21">
        <v>1</v>
      </c>
      <c r="H191" s="21">
        <v>96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1</v>
      </c>
      <c r="F192" s="16">
        <v>96</v>
      </c>
      <c r="G192" s="16">
        <v>1</v>
      </c>
      <c r="H192" s="16">
        <v>96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2</v>
      </c>
      <c r="F194" s="21">
        <v>187</v>
      </c>
      <c r="G194" s="21">
        <v>2</v>
      </c>
      <c r="H194" s="21">
        <v>187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2</v>
      </c>
      <c r="F195" s="16">
        <v>187</v>
      </c>
      <c r="G195" s="16">
        <v>2</v>
      </c>
      <c r="H195" s="16">
        <v>187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13</v>
      </c>
      <c r="F197" s="21">
        <v>866</v>
      </c>
      <c r="G197" s="21">
        <v>13</v>
      </c>
      <c r="H197" s="21">
        <v>866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13</v>
      </c>
      <c r="F198" s="16">
        <v>866</v>
      </c>
      <c r="G198" s="16">
        <v>13</v>
      </c>
      <c r="H198" s="16">
        <v>866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25</v>
      </c>
      <c r="F200" s="21">
        <v>1281</v>
      </c>
      <c r="G200" s="21">
        <v>25</v>
      </c>
      <c r="H200" s="21">
        <v>1281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25</v>
      </c>
      <c r="F201" s="16">
        <v>1281</v>
      </c>
      <c r="G201" s="16">
        <v>25</v>
      </c>
      <c r="H201" s="16">
        <v>1281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22</v>
      </c>
      <c r="F203" s="21">
        <v>1002</v>
      </c>
      <c r="G203" s="21">
        <v>22</v>
      </c>
      <c r="H203" s="21">
        <v>1002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22</v>
      </c>
      <c r="F204" s="16">
        <v>1002</v>
      </c>
      <c r="G204" s="16">
        <v>22</v>
      </c>
      <c r="H204" s="16">
        <v>1002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2</v>
      </c>
      <c r="F206" s="21">
        <v>161</v>
      </c>
      <c r="G206" s="21">
        <v>2</v>
      </c>
      <c r="H206" s="21">
        <v>161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2</v>
      </c>
      <c r="F207" s="16">
        <v>161</v>
      </c>
      <c r="G207" s="16">
        <v>2</v>
      </c>
      <c r="H207" s="16">
        <v>161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1</v>
      </c>
      <c r="F209" s="21">
        <v>118</v>
      </c>
      <c r="G209" s="21">
        <v>1</v>
      </c>
      <c r="H209" s="21">
        <v>118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1</v>
      </c>
      <c r="F210" s="16">
        <v>118</v>
      </c>
      <c r="G210" s="16">
        <v>1</v>
      </c>
      <c r="H210" s="16">
        <v>118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6</v>
      </c>
      <c r="F212" s="21">
        <v>566</v>
      </c>
      <c r="G212" s="21">
        <v>5</v>
      </c>
      <c r="H212" s="21">
        <v>530</v>
      </c>
      <c r="I212" s="21">
        <v>1</v>
      </c>
      <c r="J212" s="21">
        <v>36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5</v>
      </c>
      <c r="F213" s="16">
        <v>530</v>
      </c>
      <c r="G213" s="16">
        <v>5</v>
      </c>
      <c r="H213" s="16">
        <v>530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1</v>
      </c>
      <c r="F214" s="19">
        <v>36</v>
      </c>
      <c r="G214" s="19">
        <v>0</v>
      </c>
      <c r="H214" s="19">
        <v>0</v>
      </c>
      <c r="I214" s="19">
        <v>1</v>
      </c>
      <c r="J214" s="19">
        <v>36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6</v>
      </c>
      <c r="F215" s="21">
        <v>566</v>
      </c>
      <c r="G215" s="21">
        <v>5</v>
      </c>
      <c r="H215" s="21">
        <v>530</v>
      </c>
      <c r="I215" s="21">
        <v>1</v>
      </c>
      <c r="J215" s="21">
        <v>36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5</v>
      </c>
      <c r="F216" s="16">
        <v>530</v>
      </c>
      <c r="G216" s="16">
        <v>5</v>
      </c>
      <c r="H216" s="16">
        <v>530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1</v>
      </c>
      <c r="F217" s="19">
        <v>36</v>
      </c>
      <c r="G217" s="19">
        <v>0</v>
      </c>
      <c r="H217" s="19">
        <v>0</v>
      </c>
      <c r="I217" s="19">
        <v>1</v>
      </c>
      <c r="J217" s="19">
        <v>36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0</v>
      </c>
      <c r="F218" s="21">
        <v>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0</v>
      </c>
      <c r="F219" s="16">
        <v>0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5552</v>
      </c>
      <c r="F8" s="14">
        <v>392601</v>
      </c>
      <c r="G8" s="14">
        <v>4709</v>
      </c>
      <c r="H8" s="14">
        <v>330411</v>
      </c>
      <c r="I8" s="14">
        <v>0</v>
      </c>
      <c r="J8" s="14">
        <v>0</v>
      </c>
      <c r="K8" s="14">
        <v>198</v>
      </c>
      <c r="L8" s="14">
        <v>18099</v>
      </c>
      <c r="M8" s="14">
        <v>424</v>
      </c>
      <c r="N8" s="14">
        <v>26566</v>
      </c>
      <c r="O8" s="14">
        <v>221</v>
      </c>
      <c r="P8" s="14">
        <v>17525</v>
      </c>
    </row>
    <row r="9" spans="2:16" ht="12.95" customHeight="1" x14ac:dyDescent="0.15">
      <c r="B9" s="12"/>
      <c r="C9" s="12"/>
      <c r="D9" s="15" t="s">
        <v>132</v>
      </c>
      <c r="E9" s="16">
        <v>916</v>
      </c>
      <c r="F9" s="16">
        <v>105740</v>
      </c>
      <c r="G9" s="16">
        <v>771</v>
      </c>
      <c r="H9" s="16">
        <v>89127</v>
      </c>
      <c r="I9" s="16">
        <v>0</v>
      </c>
      <c r="J9" s="16">
        <v>0</v>
      </c>
      <c r="K9" s="16">
        <v>60</v>
      </c>
      <c r="L9" s="16">
        <v>6494</v>
      </c>
      <c r="M9" s="16">
        <v>0</v>
      </c>
      <c r="N9" s="16">
        <v>0</v>
      </c>
      <c r="O9" s="16">
        <v>85</v>
      </c>
      <c r="P9" s="16">
        <v>10119</v>
      </c>
    </row>
    <row r="10" spans="2:16" ht="12.95" customHeight="1" x14ac:dyDescent="0.15">
      <c r="B10" s="12"/>
      <c r="C10" s="12"/>
      <c r="D10" s="15" t="s">
        <v>133</v>
      </c>
      <c r="E10" s="16">
        <v>2301</v>
      </c>
      <c r="F10" s="16">
        <v>98939</v>
      </c>
      <c r="G10" s="16">
        <v>1740</v>
      </c>
      <c r="H10" s="16">
        <v>67455</v>
      </c>
      <c r="I10" s="16">
        <v>0</v>
      </c>
      <c r="J10" s="16">
        <v>0</v>
      </c>
      <c r="K10" s="16">
        <v>28</v>
      </c>
      <c r="L10" s="16">
        <v>368</v>
      </c>
      <c r="M10" s="16">
        <v>424</v>
      </c>
      <c r="N10" s="16">
        <v>26566</v>
      </c>
      <c r="O10" s="16">
        <v>109</v>
      </c>
      <c r="P10" s="16">
        <v>4550</v>
      </c>
    </row>
    <row r="11" spans="2:16" ht="12.95" customHeight="1" x14ac:dyDescent="0.15">
      <c r="B11" s="12"/>
      <c r="C11" s="12"/>
      <c r="D11" s="15" t="s">
        <v>134</v>
      </c>
      <c r="E11" s="16">
        <v>1</v>
      </c>
      <c r="F11" s="16">
        <v>105</v>
      </c>
      <c r="G11" s="16">
        <v>1</v>
      </c>
      <c r="H11" s="16">
        <v>105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2334</v>
      </c>
      <c r="F12" s="19">
        <v>187817</v>
      </c>
      <c r="G12" s="19">
        <v>2197</v>
      </c>
      <c r="H12" s="19">
        <v>173724</v>
      </c>
      <c r="I12" s="19">
        <v>0</v>
      </c>
      <c r="J12" s="19">
        <v>0</v>
      </c>
      <c r="K12" s="19">
        <v>110</v>
      </c>
      <c r="L12" s="19">
        <v>11237</v>
      </c>
      <c r="M12" s="19">
        <v>0</v>
      </c>
      <c r="N12" s="19">
        <v>0</v>
      </c>
      <c r="O12" s="19">
        <v>27</v>
      </c>
      <c r="P12" s="19">
        <v>2856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5441</v>
      </c>
      <c r="F13" s="21">
        <v>382249</v>
      </c>
      <c r="G13" s="21">
        <v>4634</v>
      </c>
      <c r="H13" s="21">
        <v>323522</v>
      </c>
      <c r="I13" s="21">
        <v>0</v>
      </c>
      <c r="J13" s="21">
        <v>0</v>
      </c>
      <c r="K13" s="21">
        <v>187</v>
      </c>
      <c r="L13" s="21">
        <v>16909</v>
      </c>
      <c r="M13" s="21">
        <v>424</v>
      </c>
      <c r="N13" s="21">
        <v>26566</v>
      </c>
      <c r="O13" s="21">
        <v>196</v>
      </c>
      <c r="P13" s="21">
        <v>15252</v>
      </c>
    </row>
    <row r="14" spans="2:16" ht="12.95" customHeight="1" x14ac:dyDescent="0.15">
      <c r="B14" s="12"/>
      <c r="C14" s="12"/>
      <c r="D14" s="15" t="s">
        <v>132</v>
      </c>
      <c r="E14" s="16">
        <v>860</v>
      </c>
      <c r="F14" s="16">
        <v>99328</v>
      </c>
      <c r="G14" s="16">
        <v>723</v>
      </c>
      <c r="H14" s="16">
        <v>83695</v>
      </c>
      <c r="I14" s="16">
        <v>0</v>
      </c>
      <c r="J14" s="16">
        <v>0</v>
      </c>
      <c r="K14" s="16">
        <v>60</v>
      </c>
      <c r="L14" s="16">
        <v>6494</v>
      </c>
      <c r="M14" s="16">
        <v>0</v>
      </c>
      <c r="N14" s="16">
        <v>0</v>
      </c>
      <c r="O14" s="16">
        <v>77</v>
      </c>
      <c r="P14" s="16">
        <v>9139</v>
      </c>
    </row>
    <row r="15" spans="2:16" ht="12.95" customHeight="1" x14ac:dyDescent="0.15">
      <c r="B15" s="12"/>
      <c r="C15" s="12"/>
      <c r="D15" s="15" t="s">
        <v>133</v>
      </c>
      <c r="E15" s="16">
        <v>2274</v>
      </c>
      <c r="F15" s="16">
        <v>98025</v>
      </c>
      <c r="G15" s="16">
        <v>1722</v>
      </c>
      <c r="H15" s="16">
        <v>67001</v>
      </c>
      <c r="I15" s="16">
        <v>0</v>
      </c>
      <c r="J15" s="16">
        <v>0</v>
      </c>
      <c r="K15" s="16">
        <v>28</v>
      </c>
      <c r="L15" s="16">
        <v>368</v>
      </c>
      <c r="M15" s="16">
        <v>424</v>
      </c>
      <c r="N15" s="16">
        <v>26566</v>
      </c>
      <c r="O15" s="16">
        <v>100</v>
      </c>
      <c r="P15" s="16">
        <v>4090</v>
      </c>
    </row>
    <row r="16" spans="2:16" ht="12.95" customHeight="1" x14ac:dyDescent="0.15">
      <c r="B16" s="12"/>
      <c r="C16" s="12"/>
      <c r="D16" s="15" t="s">
        <v>134</v>
      </c>
      <c r="E16" s="16">
        <v>1</v>
      </c>
      <c r="F16" s="16">
        <v>105</v>
      </c>
      <c r="G16" s="16">
        <v>1</v>
      </c>
      <c r="H16" s="16">
        <v>105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2306</v>
      </c>
      <c r="F17" s="19">
        <v>184791</v>
      </c>
      <c r="G17" s="19">
        <v>2188</v>
      </c>
      <c r="H17" s="19">
        <v>172721</v>
      </c>
      <c r="I17" s="19">
        <v>0</v>
      </c>
      <c r="J17" s="19">
        <v>0</v>
      </c>
      <c r="K17" s="19">
        <v>99</v>
      </c>
      <c r="L17" s="19">
        <v>10047</v>
      </c>
      <c r="M17" s="19">
        <v>0</v>
      </c>
      <c r="N17" s="19">
        <v>0</v>
      </c>
      <c r="O17" s="19">
        <v>19</v>
      </c>
      <c r="P17" s="19">
        <v>2023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11</v>
      </c>
      <c r="F18" s="21">
        <v>10352</v>
      </c>
      <c r="G18" s="21">
        <v>75</v>
      </c>
      <c r="H18" s="21">
        <v>6889</v>
      </c>
      <c r="I18" s="21">
        <v>0</v>
      </c>
      <c r="J18" s="21">
        <v>0</v>
      </c>
      <c r="K18" s="21">
        <v>11</v>
      </c>
      <c r="L18" s="21">
        <v>1190</v>
      </c>
      <c r="M18" s="21">
        <v>0</v>
      </c>
      <c r="N18" s="21">
        <v>0</v>
      </c>
      <c r="O18" s="21">
        <v>25</v>
      </c>
      <c r="P18" s="21">
        <v>2273</v>
      </c>
    </row>
    <row r="19" spans="2:16" ht="12.95" customHeight="1" x14ac:dyDescent="0.15">
      <c r="B19" s="12"/>
      <c r="C19" s="12"/>
      <c r="D19" s="15" t="s">
        <v>132</v>
      </c>
      <c r="E19" s="16">
        <v>56</v>
      </c>
      <c r="F19" s="16">
        <v>6412</v>
      </c>
      <c r="G19" s="16">
        <v>48</v>
      </c>
      <c r="H19" s="16">
        <v>5432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8</v>
      </c>
      <c r="P19" s="16">
        <v>980</v>
      </c>
    </row>
    <row r="20" spans="2:16" ht="12.95" customHeight="1" x14ac:dyDescent="0.15">
      <c r="B20" s="12"/>
      <c r="C20" s="12"/>
      <c r="D20" s="15" t="s">
        <v>133</v>
      </c>
      <c r="E20" s="16">
        <v>27</v>
      </c>
      <c r="F20" s="16">
        <v>914</v>
      </c>
      <c r="G20" s="16">
        <v>18</v>
      </c>
      <c r="H20" s="16">
        <v>454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9</v>
      </c>
      <c r="P20" s="16">
        <v>460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28</v>
      </c>
      <c r="F22" s="19">
        <v>3026</v>
      </c>
      <c r="G22" s="19">
        <v>9</v>
      </c>
      <c r="H22" s="19">
        <v>1003</v>
      </c>
      <c r="I22" s="19">
        <v>0</v>
      </c>
      <c r="J22" s="19">
        <v>0</v>
      </c>
      <c r="K22" s="19">
        <v>11</v>
      </c>
      <c r="L22" s="19">
        <v>1190</v>
      </c>
      <c r="M22" s="19">
        <v>0</v>
      </c>
      <c r="N22" s="19">
        <v>0</v>
      </c>
      <c r="O22" s="19">
        <v>8</v>
      </c>
      <c r="P22" s="19">
        <v>833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312</v>
      </c>
      <c r="F23" s="21">
        <v>157219</v>
      </c>
      <c r="G23" s="21">
        <v>2195</v>
      </c>
      <c r="H23" s="21">
        <v>148065</v>
      </c>
      <c r="I23" s="21">
        <v>0</v>
      </c>
      <c r="J23" s="21">
        <v>0</v>
      </c>
      <c r="K23" s="21">
        <v>70</v>
      </c>
      <c r="L23" s="21">
        <v>4817</v>
      </c>
      <c r="M23" s="21">
        <v>0</v>
      </c>
      <c r="N23" s="21">
        <v>0</v>
      </c>
      <c r="O23" s="21">
        <v>47</v>
      </c>
      <c r="P23" s="21">
        <v>4337</v>
      </c>
    </row>
    <row r="24" spans="2:16" ht="12.95" customHeight="1" x14ac:dyDescent="0.15">
      <c r="B24" s="12"/>
      <c r="C24" s="12"/>
      <c r="D24" s="15" t="s">
        <v>132</v>
      </c>
      <c r="E24" s="16">
        <v>274</v>
      </c>
      <c r="F24" s="16">
        <v>32936</v>
      </c>
      <c r="G24" s="16">
        <v>236</v>
      </c>
      <c r="H24" s="16">
        <v>28095</v>
      </c>
      <c r="I24" s="16">
        <v>0</v>
      </c>
      <c r="J24" s="16">
        <v>0</v>
      </c>
      <c r="K24" s="16">
        <v>15</v>
      </c>
      <c r="L24" s="16">
        <v>1681</v>
      </c>
      <c r="M24" s="16">
        <v>0</v>
      </c>
      <c r="N24" s="16">
        <v>0</v>
      </c>
      <c r="O24" s="16">
        <v>23</v>
      </c>
      <c r="P24" s="16">
        <v>3160</v>
      </c>
    </row>
    <row r="25" spans="2:16" ht="12.95" customHeight="1" x14ac:dyDescent="0.15">
      <c r="B25" s="12"/>
      <c r="C25" s="12"/>
      <c r="D25" s="15" t="s">
        <v>133</v>
      </c>
      <c r="E25" s="16">
        <v>753</v>
      </c>
      <c r="F25" s="16">
        <v>26719</v>
      </c>
      <c r="G25" s="16">
        <v>707</v>
      </c>
      <c r="H25" s="16">
        <v>25813</v>
      </c>
      <c r="I25" s="16">
        <v>0</v>
      </c>
      <c r="J25" s="16">
        <v>0</v>
      </c>
      <c r="K25" s="16">
        <v>28</v>
      </c>
      <c r="L25" s="16">
        <v>368</v>
      </c>
      <c r="M25" s="16">
        <v>0</v>
      </c>
      <c r="N25" s="16">
        <v>0</v>
      </c>
      <c r="O25" s="16">
        <v>18</v>
      </c>
      <c r="P25" s="16">
        <v>538</v>
      </c>
    </row>
    <row r="26" spans="2:16" ht="12.95" customHeight="1" x14ac:dyDescent="0.15">
      <c r="B26" s="12"/>
      <c r="C26" s="12"/>
      <c r="D26" s="15" t="s">
        <v>134</v>
      </c>
      <c r="E26" s="16">
        <v>1</v>
      </c>
      <c r="F26" s="16">
        <v>105</v>
      </c>
      <c r="G26" s="16">
        <v>1</v>
      </c>
      <c r="H26" s="16">
        <v>105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284</v>
      </c>
      <c r="F27" s="19">
        <v>97459</v>
      </c>
      <c r="G27" s="19">
        <v>1251</v>
      </c>
      <c r="H27" s="19">
        <v>94052</v>
      </c>
      <c r="I27" s="19">
        <v>0</v>
      </c>
      <c r="J27" s="19">
        <v>0</v>
      </c>
      <c r="K27" s="19">
        <v>27</v>
      </c>
      <c r="L27" s="19">
        <v>2768</v>
      </c>
      <c r="M27" s="19">
        <v>0</v>
      </c>
      <c r="N27" s="19">
        <v>0</v>
      </c>
      <c r="O27" s="19">
        <v>6</v>
      </c>
      <c r="P27" s="19">
        <v>639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193</v>
      </c>
      <c r="F28" s="21">
        <v>10429</v>
      </c>
      <c r="G28" s="21">
        <v>192</v>
      </c>
      <c r="H28" s="21">
        <v>10290</v>
      </c>
      <c r="I28" s="21">
        <v>0</v>
      </c>
      <c r="J28" s="21">
        <v>0</v>
      </c>
      <c r="K28" s="21">
        <v>0</v>
      </c>
      <c r="L28" s="21">
        <v>0</v>
      </c>
      <c r="M28" s="21">
        <v>0</v>
      </c>
      <c r="N28" s="21">
        <v>0</v>
      </c>
      <c r="O28" s="21">
        <v>1</v>
      </c>
      <c r="P28" s="21">
        <v>139</v>
      </c>
    </row>
    <row r="29" spans="2:16" ht="12.95" customHeight="1" x14ac:dyDescent="0.15">
      <c r="B29" s="12"/>
      <c r="C29" s="12"/>
      <c r="D29" s="15" t="s">
        <v>132</v>
      </c>
      <c r="E29" s="16">
        <v>17</v>
      </c>
      <c r="F29" s="16">
        <v>1892</v>
      </c>
      <c r="G29" s="16">
        <v>16</v>
      </c>
      <c r="H29" s="16">
        <v>1753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1</v>
      </c>
      <c r="P29" s="16">
        <v>139</v>
      </c>
    </row>
    <row r="30" spans="2:16" ht="12.95" customHeight="1" x14ac:dyDescent="0.15">
      <c r="B30" s="12"/>
      <c r="C30" s="12"/>
      <c r="D30" s="15" t="s">
        <v>133</v>
      </c>
      <c r="E30" s="16">
        <v>128</v>
      </c>
      <c r="F30" s="16">
        <v>5287</v>
      </c>
      <c r="G30" s="16">
        <v>128</v>
      </c>
      <c r="H30" s="16">
        <v>5287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0</v>
      </c>
      <c r="P30" s="16">
        <v>0</v>
      </c>
    </row>
    <row r="31" spans="2:16" ht="12.95" customHeight="1" x14ac:dyDescent="0.15">
      <c r="B31" s="12"/>
      <c r="C31" s="12"/>
      <c r="D31" s="15" t="s">
        <v>134</v>
      </c>
      <c r="E31" s="16">
        <v>1</v>
      </c>
      <c r="F31" s="16">
        <v>105</v>
      </c>
      <c r="G31" s="16">
        <v>1</v>
      </c>
      <c r="H31" s="16">
        <v>105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47</v>
      </c>
      <c r="F32" s="19">
        <v>3145</v>
      </c>
      <c r="G32" s="19">
        <v>47</v>
      </c>
      <c r="H32" s="19">
        <v>3145</v>
      </c>
      <c r="I32" s="19">
        <v>0</v>
      </c>
      <c r="J32" s="19">
        <v>0</v>
      </c>
      <c r="K32" s="19">
        <v>0</v>
      </c>
      <c r="L32" s="19">
        <v>0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145</v>
      </c>
      <c r="F33" s="21">
        <v>7380</v>
      </c>
      <c r="G33" s="21">
        <v>116</v>
      </c>
      <c r="H33" s="21">
        <v>6916</v>
      </c>
      <c r="I33" s="21">
        <v>0</v>
      </c>
      <c r="J33" s="21">
        <v>0</v>
      </c>
      <c r="K33" s="21">
        <v>28</v>
      </c>
      <c r="L33" s="21">
        <v>368</v>
      </c>
      <c r="M33" s="21">
        <v>0</v>
      </c>
      <c r="N33" s="21">
        <v>0</v>
      </c>
      <c r="O33" s="21">
        <v>1</v>
      </c>
      <c r="P33" s="21">
        <v>96</v>
      </c>
    </row>
    <row r="34" spans="2:16" ht="12.95" customHeight="1" x14ac:dyDescent="0.15">
      <c r="B34" s="12"/>
      <c r="C34" s="12"/>
      <c r="D34" s="15" t="s">
        <v>132</v>
      </c>
      <c r="E34" s="16">
        <v>20</v>
      </c>
      <c r="F34" s="16">
        <v>2551</v>
      </c>
      <c r="G34" s="16">
        <v>19</v>
      </c>
      <c r="H34" s="16">
        <v>2455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1</v>
      </c>
      <c r="P34" s="16">
        <v>96</v>
      </c>
    </row>
    <row r="35" spans="2:16" ht="12.95" customHeight="1" x14ac:dyDescent="0.15">
      <c r="B35" s="12"/>
      <c r="C35" s="12"/>
      <c r="D35" s="15" t="s">
        <v>133</v>
      </c>
      <c r="E35" s="16">
        <v>83</v>
      </c>
      <c r="F35" s="16">
        <v>2041</v>
      </c>
      <c r="G35" s="16">
        <v>55</v>
      </c>
      <c r="H35" s="16">
        <v>1673</v>
      </c>
      <c r="I35" s="16">
        <v>0</v>
      </c>
      <c r="J35" s="16">
        <v>0</v>
      </c>
      <c r="K35" s="16">
        <v>28</v>
      </c>
      <c r="L35" s="16">
        <v>368</v>
      </c>
      <c r="M35" s="16">
        <v>0</v>
      </c>
      <c r="N35" s="16">
        <v>0</v>
      </c>
      <c r="O35" s="16">
        <v>0</v>
      </c>
      <c r="P35" s="16">
        <v>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42</v>
      </c>
      <c r="F37" s="19">
        <v>2788</v>
      </c>
      <c r="G37" s="19">
        <v>42</v>
      </c>
      <c r="H37" s="19">
        <v>2788</v>
      </c>
      <c r="I37" s="19">
        <v>0</v>
      </c>
      <c r="J37" s="19">
        <v>0</v>
      </c>
      <c r="K37" s="19">
        <v>0</v>
      </c>
      <c r="L37" s="19">
        <v>0</v>
      </c>
      <c r="M37" s="19">
        <v>0</v>
      </c>
      <c r="N37" s="19">
        <v>0</v>
      </c>
      <c r="O37" s="19">
        <v>0</v>
      </c>
      <c r="P37" s="19">
        <v>0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387</v>
      </c>
      <c r="F38" s="21">
        <v>30645</v>
      </c>
      <c r="G38" s="21">
        <v>386</v>
      </c>
      <c r="H38" s="21">
        <v>30540</v>
      </c>
      <c r="I38" s="21">
        <v>0</v>
      </c>
      <c r="J38" s="21">
        <v>0</v>
      </c>
      <c r="K38" s="21">
        <v>1</v>
      </c>
      <c r="L38" s="21">
        <v>105</v>
      </c>
      <c r="M38" s="21">
        <v>0</v>
      </c>
      <c r="N38" s="21">
        <v>0</v>
      </c>
      <c r="O38" s="21">
        <v>0</v>
      </c>
      <c r="P38" s="21">
        <v>0</v>
      </c>
    </row>
    <row r="39" spans="2:16" ht="12.95" customHeight="1" x14ac:dyDescent="0.15">
      <c r="B39" s="12"/>
      <c r="C39" s="12"/>
      <c r="D39" s="15" t="s">
        <v>132</v>
      </c>
      <c r="E39" s="16">
        <v>4</v>
      </c>
      <c r="F39" s="16">
        <v>611</v>
      </c>
      <c r="G39" s="16">
        <v>4</v>
      </c>
      <c r="H39" s="16">
        <v>611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</row>
    <row r="40" spans="2:16" ht="12.95" customHeight="1" x14ac:dyDescent="0.15">
      <c r="B40" s="12"/>
      <c r="C40" s="12"/>
      <c r="D40" s="15" t="s">
        <v>133</v>
      </c>
      <c r="E40" s="16">
        <v>28</v>
      </c>
      <c r="F40" s="16">
        <v>461</v>
      </c>
      <c r="G40" s="16">
        <v>28</v>
      </c>
      <c r="H40" s="16">
        <v>461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355</v>
      </c>
      <c r="F42" s="19">
        <v>29573</v>
      </c>
      <c r="G42" s="19">
        <v>354</v>
      </c>
      <c r="H42" s="19">
        <v>29468</v>
      </c>
      <c r="I42" s="19">
        <v>0</v>
      </c>
      <c r="J42" s="19">
        <v>0</v>
      </c>
      <c r="K42" s="19">
        <v>1</v>
      </c>
      <c r="L42" s="19">
        <v>105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125</v>
      </c>
      <c r="F43" s="21">
        <v>8681</v>
      </c>
      <c r="G43" s="21">
        <v>121</v>
      </c>
      <c r="H43" s="21">
        <v>8027</v>
      </c>
      <c r="I43" s="21">
        <v>0</v>
      </c>
      <c r="J43" s="21">
        <v>0</v>
      </c>
      <c r="K43" s="21">
        <v>3</v>
      </c>
      <c r="L43" s="21">
        <v>325</v>
      </c>
      <c r="M43" s="21">
        <v>0</v>
      </c>
      <c r="N43" s="21">
        <v>0</v>
      </c>
      <c r="O43" s="21">
        <v>1</v>
      </c>
      <c r="P43" s="21">
        <v>329</v>
      </c>
    </row>
    <row r="44" spans="2:16" ht="12.95" customHeight="1" x14ac:dyDescent="0.15">
      <c r="B44" s="12"/>
      <c r="C44" s="12"/>
      <c r="D44" s="15" t="s">
        <v>132</v>
      </c>
      <c r="E44" s="16">
        <v>11</v>
      </c>
      <c r="F44" s="16">
        <v>1451</v>
      </c>
      <c r="G44" s="16">
        <v>7</v>
      </c>
      <c r="H44" s="16">
        <v>797</v>
      </c>
      <c r="I44" s="16">
        <v>0</v>
      </c>
      <c r="J44" s="16">
        <v>0</v>
      </c>
      <c r="K44" s="16">
        <v>3</v>
      </c>
      <c r="L44" s="16">
        <v>325</v>
      </c>
      <c r="M44" s="16">
        <v>0</v>
      </c>
      <c r="N44" s="16">
        <v>0</v>
      </c>
      <c r="O44" s="16">
        <v>1</v>
      </c>
      <c r="P44" s="16">
        <v>329</v>
      </c>
    </row>
    <row r="45" spans="2:16" ht="12.95" customHeight="1" x14ac:dyDescent="0.15">
      <c r="B45" s="12"/>
      <c r="C45" s="12"/>
      <c r="D45" s="15" t="s">
        <v>133</v>
      </c>
      <c r="E45" s="16">
        <v>39</v>
      </c>
      <c r="F45" s="16">
        <v>936</v>
      </c>
      <c r="G45" s="16">
        <v>39</v>
      </c>
      <c r="H45" s="16">
        <v>936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75</v>
      </c>
      <c r="F47" s="19">
        <v>6294</v>
      </c>
      <c r="G47" s="19">
        <v>75</v>
      </c>
      <c r="H47" s="19">
        <v>6294</v>
      </c>
      <c r="I47" s="19">
        <v>0</v>
      </c>
      <c r="J47" s="19">
        <v>0</v>
      </c>
      <c r="K47" s="19">
        <v>0</v>
      </c>
      <c r="L47" s="19">
        <v>0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311</v>
      </c>
      <c r="F48" s="21">
        <v>12816</v>
      </c>
      <c r="G48" s="21">
        <v>309</v>
      </c>
      <c r="H48" s="21">
        <v>12588</v>
      </c>
      <c r="I48" s="21">
        <v>0</v>
      </c>
      <c r="J48" s="21">
        <v>0</v>
      </c>
      <c r="K48" s="21">
        <v>2</v>
      </c>
      <c r="L48" s="21">
        <v>228</v>
      </c>
      <c r="M48" s="21">
        <v>0</v>
      </c>
      <c r="N48" s="21">
        <v>0</v>
      </c>
      <c r="O48" s="21">
        <v>0</v>
      </c>
      <c r="P48" s="21">
        <v>0</v>
      </c>
    </row>
    <row r="49" spans="2:16" ht="12.95" customHeight="1" x14ac:dyDescent="0.15">
      <c r="B49" s="12"/>
      <c r="C49" s="12"/>
      <c r="D49" s="15" t="s">
        <v>132</v>
      </c>
      <c r="E49" s="16">
        <v>12</v>
      </c>
      <c r="F49" s="16">
        <v>1283</v>
      </c>
      <c r="G49" s="16">
        <v>12</v>
      </c>
      <c r="H49" s="16">
        <v>1283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</row>
    <row r="50" spans="2:16" ht="12.95" customHeight="1" x14ac:dyDescent="0.15">
      <c r="B50" s="12"/>
      <c r="C50" s="12"/>
      <c r="D50" s="15" t="s">
        <v>133</v>
      </c>
      <c r="E50" s="16">
        <v>47</v>
      </c>
      <c r="F50" s="16">
        <v>1034</v>
      </c>
      <c r="G50" s="16">
        <v>47</v>
      </c>
      <c r="H50" s="16">
        <v>1034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252</v>
      </c>
      <c r="F52" s="19">
        <v>10499</v>
      </c>
      <c r="G52" s="19">
        <v>250</v>
      </c>
      <c r="H52" s="19">
        <v>10271</v>
      </c>
      <c r="I52" s="19">
        <v>0</v>
      </c>
      <c r="J52" s="19">
        <v>0</v>
      </c>
      <c r="K52" s="19">
        <v>2</v>
      </c>
      <c r="L52" s="19">
        <v>228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12</v>
      </c>
      <c r="F53" s="21">
        <v>8930</v>
      </c>
      <c r="G53" s="21">
        <v>108</v>
      </c>
      <c r="H53" s="21">
        <v>8531</v>
      </c>
      <c r="I53" s="21">
        <v>0</v>
      </c>
      <c r="J53" s="21">
        <v>0</v>
      </c>
      <c r="K53" s="21">
        <v>2</v>
      </c>
      <c r="L53" s="21">
        <v>183</v>
      </c>
      <c r="M53" s="21">
        <v>0</v>
      </c>
      <c r="N53" s="21">
        <v>0</v>
      </c>
      <c r="O53" s="21">
        <v>2</v>
      </c>
      <c r="P53" s="21">
        <v>216</v>
      </c>
    </row>
    <row r="54" spans="2:16" ht="12.95" customHeight="1" x14ac:dyDescent="0.15">
      <c r="B54" s="12"/>
      <c r="C54" s="12"/>
      <c r="D54" s="15" t="s">
        <v>132</v>
      </c>
      <c r="E54" s="16">
        <v>8</v>
      </c>
      <c r="F54" s="16">
        <v>823</v>
      </c>
      <c r="G54" s="16">
        <v>6</v>
      </c>
      <c r="H54" s="16">
        <v>607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2</v>
      </c>
      <c r="P54" s="16">
        <v>216</v>
      </c>
    </row>
    <row r="55" spans="2:16" ht="12.95" customHeight="1" x14ac:dyDescent="0.15">
      <c r="B55" s="12"/>
      <c r="C55" s="12"/>
      <c r="D55" s="15" t="s">
        <v>133</v>
      </c>
      <c r="E55" s="16">
        <v>15</v>
      </c>
      <c r="F55" s="16">
        <v>300</v>
      </c>
      <c r="G55" s="16">
        <v>15</v>
      </c>
      <c r="H55" s="16">
        <v>300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89</v>
      </c>
      <c r="F57" s="19">
        <v>7807</v>
      </c>
      <c r="G57" s="19">
        <v>87</v>
      </c>
      <c r="H57" s="19">
        <v>7624</v>
      </c>
      <c r="I57" s="19">
        <v>0</v>
      </c>
      <c r="J57" s="19">
        <v>0</v>
      </c>
      <c r="K57" s="19">
        <v>2</v>
      </c>
      <c r="L57" s="19">
        <v>183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96</v>
      </c>
      <c r="F58" s="21">
        <v>6292</v>
      </c>
      <c r="G58" s="21">
        <v>91</v>
      </c>
      <c r="H58" s="21">
        <v>5779</v>
      </c>
      <c r="I58" s="21">
        <v>0</v>
      </c>
      <c r="J58" s="21">
        <v>0</v>
      </c>
      <c r="K58" s="21">
        <v>4</v>
      </c>
      <c r="L58" s="21">
        <v>411</v>
      </c>
      <c r="M58" s="21">
        <v>0</v>
      </c>
      <c r="N58" s="21">
        <v>0</v>
      </c>
      <c r="O58" s="21">
        <v>1</v>
      </c>
      <c r="P58" s="21">
        <v>102</v>
      </c>
    </row>
    <row r="59" spans="2:16" ht="12.95" customHeight="1" x14ac:dyDescent="0.15">
      <c r="B59" s="12"/>
      <c r="C59" s="12"/>
      <c r="D59" s="15" t="s">
        <v>132</v>
      </c>
      <c r="E59" s="16">
        <v>12</v>
      </c>
      <c r="F59" s="16">
        <v>1277</v>
      </c>
      <c r="G59" s="16">
        <v>10</v>
      </c>
      <c r="H59" s="16">
        <v>1064</v>
      </c>
      <c r="I59" s="16">
        <v>0</v>
      </c>
      <c r="J59" s="16">
        <v>0</v>
      </c>
      <c r="K59" s="16">
        <v>2</v>
      </c>
      <c r="L59" s="16">
        <v>213</v>
      </c>
      <c r="M59" s="16">
        <v>0</v>
      </c>
      <c r="N59" s="16">
        <v>0</v>
      </c>
      <c r="O59" s="16">
        <v>0</v>
      </c>
      <c r="P59" s="16">
        <v>0</v>
      </c>
    </row>
    <row r="60" spans="2:16" ht="12.95" customHeight="1" x14ac:dyDescent="0.15">
      <c r="B60" s="12"/>
      <c r="C60" s="12"/>
      <c r="D60" s="15" t="s">
        <v>133</v>
      </c>
      <c r="E60" s="16">
        <v>43</v>
      </c>
      <c r="F60" s="16">
        <v>1408</v>
      </c>
      <c r="G60" s="16">
        <v>43</v>
      </c>
      <c r="H60" s="16">
        <v>1408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41</v>
      </c>
      <c r="F62" s="19">
        <v>3607</v>
      </c>
      <c r="G62" s="19">
        <v>38</v>
      </c>
      <c r="H62" s="19">
        <v>3307</v>
      </c>
      <c r="I62" s="19">
        <v>0</v>
      </c>
      <c r="J62" s="19">
        <v>0</v>
      </c>
      <c r="K62" s="19">
        <v>2</v>
      </c>
      <c r="L62" s="19">
        <v>198</v>
      </c>
      <c r="M62" s="19">
        <v>0</v>
      </c>
      <c r="N62" s="19">
        <v>0</v>
      </c>
      <c r="O62" s="19">
        <v>1</v>
      </c>
      <c r="P62" s="19">
        <v>102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54</v>
      </c>
      <c r="F63" s="21">
        <v>3769</v>
      </c>
      <c r="G63" s="21">
        <v>45</v>
      </c>
      <c r="H63" s="21">
        <v>2699</v>
      </c>
      <c r="I63" s="21">
        <v>0</v>
      </c>
      <c r="J63" s="21">
        <v>0</v>
      </c>
      <c r="K63" s="21">
        <v>6</v>
      </c>
      <c r="L63" s="21">
        <v>655</v>
      </c>
      <c r="M63" s="21">
        <v>0</v>
      </c>
      <c r="N63" s="21">
        <v>0</v>
      </c>
      <c r="O63" s="21">
        <v>3</v>
      </c>
      <c r="P63" s="21">
        <v>415</v>
      </c>
    </row>
    <row r="64" spans="2:16" ht="12.95" customHeight="1" x14ac:dyDescent="0.15">
      <c r="B64" s="12"/>
      <c r="C64" s="12"/>
      <c r="D64" s="15" t="s">
        <v>132</v>
      </c>
      <c r="E64" s="16">
        <v>13</v>
      </c>
      <c r="F64" s="16">
        <v>1542</v>
      </c>
      <c r="G64" s="16">
        <v>9</v>
      </c>
      <c r="H64" s="16">
        <v>1022</v>
      </c>
      <c r="I64" s="16">
        <v>0</v>
      </c>
      <c r="J64" s="16">
        <v>0</v>
      </c>
      <c r="K64" s="16">
        <v>1</v>
      </c>
      <c r="L64" s="16">
        <v>105</v>
      </c>
      <c r="M64" s="16">
        <v>0</v>
      </c>
      <c r="N64" s="16">
        <v>0</v>
      </c>
      <c r="O64" s="16">
        <v>3</v>
      </c>
      <c r="P64" s="16">
        <v>415</v>
      </c>
    </row>
    <row r="65" spans="2:16" ht="12.95" customHeight="1" x14ac:dyDescent="0.15">
      <c r="B65" s="12"/>
      <c r="C65" s="12"/>
      <c r="D65" s="15" t="s">
        <v>133</v>
      </c>
      <c r="E65" s="16">
        <v>22</v>
      </c>
      <c r="F65" s="16">
        <v>287</v>
      </c>
      <c r="G65" s="16">
        <v>22</v>
      </c>
      <c r="H65" s="16">
        <v>287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19</v>
      </c>
      <c r="F67" s="19">
        <v>1940</v>
      </c>
      <c r="G67" s="19">
        <v>14</v>
      </c>
      <c r="H67" s="19">
        <v>1390</v>
      </c>
      <c r="I67" s="19">
        <v>0</v>
      </c>
      <c r="J67" s="19">
        <v>0</v>
      </c>
      <c r="K67" s="19">
        <v>5</v>
      </c>
      <c r="L67" s="19">
        <v>550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220</v>
      </c>
      <c r="F68" s="21">
        <v>14551</v>
      </c>
      <c r="G68" s="21">
        <v>217</v>
      </c>
      <c r="H68" s="21">
        <v>14154</v>
      </c>
      <c r="I68" s="21">
        <v>0</v>
      </c>
      <c r="J68" s="21">
        <v>0</v>
      </c>
      <c r="K68" s="21">
        <v>1</v>
      </c>
      <c r="L68" s="21">
        <v>153</v>
      </c>
      <c r="M68" s="21">
        <v>0</v>
      </c>
      <c r="N68" s="21">
        <v>0</v>
      </c>
      <c r="O68" s="21">
        <v>2</v>
      </c>
      <c r="P68" s="21">
        <v>244</v>
      </c>
    </row>
    <row r="69" spans="2:16" ht="12.95" customHeight="1" x14ac:dyDescent="0.15">
      <c r="B69" s="12"/>
      <c r="C69" s="12"/>
      <c r="D69" s="15" t="s">
        <v>132</v>
      </c>
      <c r="E69" s="16">
        <v>28</v>
      </c>
      <c r="F69" s="16">
        <v>2962</v>
      </c>
      <c r="G69" s="16">
        <v>25</v>
      </c>
      <c r="H69" s="16">
        <v>2565</v>
      </c>
      <c r="I69" s="16">
        <v>0</v>
      </c>
      <c r="J69" s="16">
        <v>0</v>
      </c>
      <c r="K69" s="16">
        <v>1</v>
      </c>
      <c r="L69" s="16">
        <v>153</v>
      </c>
      <c r="M69" s="16">
        <v>0</v>
      </c>
      <c r="N69" s="16">
        <v>0</v>
      </c>
      <c r="O69" s="16">
        <v>2</v>
      </c>
      <c r="P69" s="16">
        <v>244</v>
      </c>
    </row>
    <row r="70" spans="2:16" ht="12.95" customHeight="1" x14ac:dyDescent="0.15">
      <c r="B70" s="12"/>
      <c r="C70" s="12"/>
      <c r="D70" s="15" t="s">
        <v>133</v>
      </c>
      <c r="E70" s="16">
        <v>98</v>
      </c>
      <c r="F70" s="16">
        <v>3419</v>
      </c>
      <c r="G70" s="16">
        <v>98</v>
      </c>
      <c r="H70" s="16">
        <v>3419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0</v>
      </c>
      <c r="P70" s="16">
        <v>0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94</v>
      </c>
      <c r="F72" s="19">
        <v>8170</v>
      </c>
      <c r="G72" s="19">
        <v>94</v>
      </c>
      <c r="H72" s="19">
        <v>8170</v>
      </c>
      <c r="I72" s="19">
        <v>0</v>
      </c>
      <c r="J72" s="19">
        <v>0</v>
      </c>
      <c r="K72" s="19">
        <v>0</v>
      </c>
      <c r="L72" s="19">
        <v>0</v>
      </c>
      <c r="M72" s="19">
        <v>0</v>
      </c>
      <c r="N72" s="19">
        <v>0</v>
      </c>
      <c r="O72" s="19">
        <v>0</v>
      </c>
      <c r="P72" s="19">
        <v>0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83</v>
      </c>
      <c r="F73" s="21">
        <v>6670</v>
      </c>
      <c r="G73" s="21">
        <v>81</v>
      </c>
      <c r="H73" s="21">
        <v>6413</v>
      </c>
      <c r="I73" s="21">
        <v>0</v>
      </c>
      <c r="J73" s="21">
        <v>0</v>
      </c>
      <c r="K73" s="21">
        <v>0</v>
      </c>
      <c r="L73" s="21">
        <v>0</v>
      </c>
      <c r="M73" s="21">
        <v>0</v>
      </c>
      <c r="N73" s="21">
        <v>0</v>
      </c>
      <c r="O73" s="21">
        <v>2</v>
      </c>
      <c r="P73" s="21">
        <v>257</v>
      </c>
    </row>
    <row r="74" spans="2:16" ht="12.95" customHeight="1" x14ac:dyDescent="0.15">
      <c r="B74" s="12"/>
      <c r="C74" s="12"/>
      <c r="D74" s="15" t="s">
        <v>132</v>
      </c>
      <c r="E74" s="16">
        <v>22</v>
      </c>
      <c r="F74" s="16">
        <v>2551</v>
      </c>
      <c r="G74" s="16">
        <v>21</v>
      </c>
      <c r="H74" s="16">
        <v>2375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1</v>
      </c>
      <c r="P74" s="16">
        <v>176</v>
      </c>
    </row>
    <row r="75" spans="2:16" ht="12.95" customHeight="1" x14ac:dyDescent="0.15">
      <c r="B75" s="12"/>
      <c r="C75" s="12"/>
      <c r="D75" s="15" t="s">
        <v>133</v>
      </c>
      <c r="E75" s="16">
        <v>26</v>
      </c>
      <c r="F75" s="16">
        <v>1378</v>
      </c>
      <c r="G75" s="16">
        <v>25</v>
      </c>
      <c r="H75" s="16">
        <v>1297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1</v>
      </c>
      <c r="P75" s="16">
        <v>81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35</v>
      </c>
      <c r="F77" s="19">
        <v>2741</v>
      </c>
      <c r="G77" s="19">
        <v>35</v>
      </c>
      <c r="H77" s="19">
        <v>2741</v>
      </c>
      <c r="I77" s="19">
        <v>0</v>
      </c>
      <c r="J77" s="19">
        <v>0</v>
      </c>
      <c r="K77" s="19">
        <v>0</v>
      </c>
      <c r="L77" s="19">
        <v>0</v>
      </c>
      <c r="M77" s="19">
        <v>0</v>
      </c>
      <c r="N77" s="19">
        <v>0</v>
      </c>
      <c r="O77" s="19">
        <v>0</v>
      </c>
      <c r="P77" s="19">
        <v>0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142</v>
      </c>
      <c r="F78" s="21">
        <v>9093</v>
      </c>
      <c r="G78" s="21">
        <v>138</v>
      </c>
      <c r="H78" s="21">
        <v>8671</v>
      </c>
      <c r="I78" s="21">
        <v>0</v>
      </c>
      <c r="J78" s="21">
        <v>0</v>
      </c>
      <c r="K78" s="21">
        <v>2</v>
      </c>
      <c r="L78" s="21">
        <v>192</v>
      </c>
      <c r="M78" s="21">
        <v>0</v>
      </c>
      <c r="N78" s="21">
        <v>0</v>
      </c>
      <c r="O78" s="21">
        <v>2</v>
      </c>
      <c r="P78" s="21">
        <v>230</v>
      </c>
    </row>
    <row r="79" spans="2:16" ht="12.95" customHeight="1" x14ac:dyDescent="0.15">
      <c r="B79" s="12"/>
      <c r="C79" s="12"/>
      <c r="D79" s="15" t="s">
        <v>132</v>
      </c>
      <c r="E79" s="16">
        <v>21</v>
      </c>
      <c r="F79" s="16">
        <v>2721</v>
      </c>
      <c r="G79" s="16">
        <v>19</v>
      </c>
      <c r="H79" s="16">
        <v>2491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2</v>
      </c>
      <c r="P79" s="16">
        <v>230</v>
      </c>
    </row>
    <row r="80" spans="2:16" ht="12.95" customHeight="1" x14ac:dyDescent="0.15">
      <c r="B80" s="12"/>
      <c r="C80" s="12"/>
      <c r="D80" s="15" t="s">
        <v>133</v>
      </c>
      <c r="E80" s="16">
        <v>55</v>
      </c>
      <c r="F80" s="16">
        <v>2424</v>
      </c>
      <c r="G80" s="16">
        <v>55</v>
      </c>
      <c r="H80" s="16">
        <v>2424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66</v>
      </c>
      <c r="F82" s="19">
        <v>3948</v>
      </c>
      <c r="G82" s="19">
        <v>64</v>
      </c>
      <c r="H82" s="19">
        <v>3756</v>
      </c>
      <c r="I82" s="19">
        <v>0</v>
      </c>
      <c r="J82" s="19">
        <v>0</v>
      </c>
      <c r="K82" s="19">
        <v>2</v>
      </c>
      <c r="L82" s="19">
        <v>192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90</v>
      </c>
      <c r="F83" s="21">
        <v>7364</v>
      </c>
      <c r="G83" s="21">
        <v>81</v>
      </c>
      <c r="H83" s="21">
        <v>6542</v>
      </c>
      <c r="I83" s="21">
        <v>0</v>
      </c>
      <c r="J83" s="21">
        <v>0</v>
      </c>
      <c r="K83" s="21">
        <v>6</v>
      </c>
      <c r="L83" s="21">
        <v>632</v>
      </c>
      <c r="M83" s="21">
        <v>0</v>
      </c>
      <c r="N83" s="21">
        <v>0</v>
      </c>
      <c r="O83" s="21">
        <v>3</v>
      </c>
      <c r="P83" s="21">
        <v>190</v>
      </c>
    </row>
    <row r="84" spans="2:16" ht="12.95" customHeight="1" x14ac:dyDescent="0.15">
      <c r="B84" s="12"/>
      <c r="C84" s="12"/>
      <c r="D84" s="15" t="s">
        <v>132</v>
      </c>
      <c r="E84" s="16">
        <v>23</v>
      </c>
      <c r="F84" s="16">
        <v>2504</v>
      </c>
      <c r="G84" s="16">
        <v>19</v>
      </c>
      <c r="H84" s="16">
        <v>2098</v>
      </c>
      <c r="I84" s="16">
        <v>0</v>
      </c>
      <c r="J84" s="16">
        <v>0</v>
      </c>
      <c r="K84" s="16">
        <v>3</v>
      </c>
      <c r="L84" s="16">
        <v>315</v>
      </c>
      <c r="M84" s="16">
        <v>0</v>
      </c>
      <c r="N84" s="16">
        <v>0</v>
      </c>
      <c r="O84" s="16">
        <v>1</v>
      </c>
      <c r="P84" s="16">
        <v>91</v>
      </c>
    </row>
    <row r="85" spans="2:16" ht="12.95" customHeight="1" x14ac:dyDescent="0.15">
      <c r="B85" s="12"/>
      <c r="C85" s="12"/>
      <c r="D85" s="15" t="s">
        <v>133</v>
      </c>
      <c r="E85" s="16">
        <v>27</v>
      </c>
      <c r="F85" s="16">
        <v>946</v>
      </c>
      <c r="G85" s="16">
        <v>25</v>
      </c>
      <c r="H85" s="16">
        <v>847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2</v>
      </c>
      <c r="P85" s="16">
        <v>99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40</v>
      </c>
      <c r="F87" s="19">
        <v>3914</v>
      </c>
      <c r="G87" s="19">
        <v>37</v>
      </c>
      <c r="H87" s="19">
        <v>3597</v>
      </c>
      <c r="I87" s="19">
        <v>0</v>
      </c>
      <c r="J87" s="19">
        <v>0</v>
      </c>
      <c r="K87" s="19">
        <v>3</v>
      </c>
      <c r="L87" s="19">
        <v>317</v>
      </c>
      <c r="M87" s="19">
        <v>0</v>
      </c>
      <c r="N87" s="19">
        <v>0</v>
      </c>
      <c r="O87" s="19">
        <v>0</v>
      </c>
      <c r="P87" s="19">
        <v>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87</v>
      </c>
      <c r="F88" s="21">
        <v>5564</v>
      </c>
      <c r="G88" s="21">
        <v>66</v>
      </c>
      <c r="H88" s="21">
        <v>4538</v>
      </c>
      <c r="I88" s="21">
        <v>0</v>
      </c>
      <c r="J88" s="21">
        <v>0</v>
      </c>
      <c r="K88" s="21">
        <v>2</v>
      </c>
      <c r="L88" s="21">
        <v>221</v>
      </c>
      <c r="M88" s="21">
        <v>0</v>
      </c>
      <c r="N88" s="21">
        <v>0</v>
      </c>
      <c r="O88" s="21">
        <v>19</v>
      </c>
      <c r="P88" s="21">
        <v>805</v>
      </c>
    </row>
    <row r="89" spans="2:16" ht="12.95" customHeight="1" x14ac:dyDescent="0.15">
      <c r="B89" s="12"/>
      <c r="C89" s="12"/>
      <c r="D89" s="15" t="s">
        <v>132</v>
      </c>
      <c r="E89" s="16">
        <v>9</v>
      </c>
      <c r="F89" s="16">
        <v>1004</v>
      </c>
      <c r="G89" s="16">
        <v>5</v>
      </c>
      <c r="H89" s="16">
        <v>557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4</v>
      </c>
      <c r="P89" s="16">
        <v>447</v>
      </c>
    </row>
    <row r="90" spans="2:16" ht="12.95" customHeight="1" x14ac:dyDescent="0.15">
      <c r="B90" s="12"/>
      <c r="C90" s="12"/>
      <c r="D90" s="15" t="s">
        <v>133</v>
      </c>
      <c r="E90" s="16">
        <v>55</v>
      </c>
      <c r="F90" s="16">
        <v>2154</v>
      </c>
      <c r="G90" s="16">
        <v>40</v>
      </c>
      <c r="H90" s="16">
        <v>1796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15</v>
      </c>
      <c r="P90" s="16">
        <v>358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23</v>
      </c>
      <c r="F92" s="19">
        <v>2406</v>
      </c>
      <c r="G92" s="19">
        <v>21</v>
      </c>
      <c r="H92" s="19">
        <v>2185</v>
      </c>
      <c r="I92" s="19">
        <v>0</v>
      </c>
      <c r="J92" s="19">
        <v>0</v>
      </c>
      <c r="K92" s="19">
        <v>2</v>
      </c>
      <c r="L92" s="19">
        <v>221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37</v>
      </c>
      <c r="F93" s="21">
        <v>2895</v>
      </c>
      <c r="G93" s="21">
        <v>36</v>
      </c>
      <c r="H93" s="21">
        <v>2789</v>
      </c>
      <c r="I93" s="21">
        <v>0</v>
      </c>
      <c r="J93" s="21">
        <v>0</v>
      </c>
      <c r="K93" s="21">
        <v>1</v>
      </c>
      <c r="L93" s="21">
        <v>106</v>
      </c>
      <c r="M93" s="21">
        <v>0</v>
      </c>
      <c r="N93" s="21">
        <v>0</v>
      </c>
      <c r="O93" s="21">
        <v>0</v>
      </c>
      <c r="P93" s="21">
        <v>0</v>
      </c>
    </row>
    <row r="94" spans="2:16" ht="12.95" customHeight="1" x14ac:dyDescent="0.15">
      <c r="B94" s="12"/>
      <c r="C94" s="12"/>
      <c r="D94" s="15" t="s">
        <v>132</v>
      </c>
      <c r="E94" s="16">
        <v>6</v>
      </c>
      <c r="F94" s="16">
        <v>686</v>
      </c>
      <c r="G94" s="16">
        <v>6</v>
      </c>
      <c r="H94" s="16">
        <v>686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</row>
    <row r="95" spans="2:16" ht="12.95" customHeight="1" x14ac:dyDescent="0.15">
      <c r="B95" s="12"/>
      <c r="C95" s="12"/>
      <c r="D95" s="15" t="s">
        <v>133</v>
      </c>
      <c r="E95" s="16">
        <v>14</v>
      </c>
      <c r="F95" s="16">
        <v>624</v>
      </c>
      <c r="G95" s="16">
        <v>14</v>
      </c>
      <c r="H95" s="16">
        <v>624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17</v>
      </c>
      <c r="F97" s="19">
        <v>1585</v>
      </c>
      <c r="G97" s="19">
        <v>16</v>
      </c>
      <c r="H97" s="19">
        <v>1479</v>
      </c>
      <c r="I97" s="19">
        <v>0</v>
      </c>
      <c r="J97" s="19">
        <v>0</v>
      </c>
      <c r="K97" s="19">
        <v>1</v>
      </c>
      <c r="L97" s="19">
        <v>106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21</v>
      </c>
      <c r="F98" s="21">
        <v>2645</v>
      </c>
      <c r="G98" s="21">
        <v>19</v>
      </c>
      <c r="H98" s="21">
        <v>2440</v>
      </c>
      <c r="I98" s="21">
        <v>0</v>
      </c>
      <c r="J98" s="21">
        <v>0</v>
      </c>
      <c r="K98" s="21">
        <v>1</v>
      </c>
      <c r="L98" s="21">
        <v>105</v>
      </c>
      <c r="M98" s="21">
        <v>0</v>
      </c>
      <c r="N98" s="21">
        <v>0</v>
      </c>
      <c r="O98" s="21">
        <v>1</v>
      </c>
      <c r="P98" s="21">
        <v>100</v>
      </c>
    </row>
    <row r="99" spans="2:16" ht="12.95" customHeight="1" x14ac:dyDescent="0.15">
      <c r="B99" s="12"/>
      <c r="C99" s="12"/>
      <c r="D99" s="15" t="s">
        <v>132</v>
      </c>
      <c r="E99" s="16">
        <v>9</v>
      </c>
      <c r="F99" s="16">
        <v>1347</v>
      </c>
      <c r="G99" s="16">
        <v>9</v>
      </c>
      <c r="H99" s="16">
        <v>1347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</row>
    <row r="100" spans="2:16" ht="12.95" customHeight="1" x14ac:dyDescent="0.15">
      <c r="B100" s="12"/>
      <c r="C100" s="12"/>
      <c r="D100" s="15" t="s">
        <v>133</v>
      </c>
      <c r="E100" s="16">
        <v>0</v>
      </c>
      <c r="F100" s="16">
        <v>0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12</v>
      </c>
      <c r="F102" s="19">
        <v>1298</v>
      </c>
      <c r="G102" s="19">
        <v>10</v>
      </c>
      <c r="H102" s="19">
        <v>1093</v>
      </c>
      <c r="I102" s="19">
        <v>0</v>
      </c>
      <c r="J102" s="19">
        <v>0</v>
      </c>
      <c r="K102" s="19">
        <v>1</v>
      </c>
      <c r="L102" s="19">
        <v>105</v>
      </c>
      <c r="M102" s="19">
        <v>0</v>
      </c>
      <c r="N102" s="19">
        <v>0</v>
      </c>
      <c r="O102" s="19">
        <v>1</v>
      </c>
      <c r="P102" s="19">
        <v>10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68</v>
      </c>
      <c r="F103" s="21">
        <v>5380</v>
      </c>
      <c r="G103" s="21">
        <v>64</v>
      </c>
      <c r="H103" s="21">
        <v>4949</v>
      </c>
      <c r="I103" s="21">
        <v>0</v>
      </c>
      <c r="J103" s="21">
        <v>0</v>
      </c>
      <c r="K103" s="21">
        <v>4</v>
      </c>
      <c r="L103" s="21">
        <v>431</v>
      </c>
      <c r="M103" s="21">
        <v>0</v>
      </c>
      <c r="N103" s="21">
        <v>0</v>
      </c>
      <c r="O103" s="21">
        <v>0</v>
      </c>
      <c r="P103" s="21">
        <v>0</v>
      </c>
    </row>
    <row r="104" spans="2:16" ht="12.95" customHeight="1" x14ac:dyDescent="0.15">
      <c r="B104" s="12"/>
      <c r="C104" s="12"/>
      <c r="D104" s="15" t="s">
        <v>132</v>
      </c>
      <c r="E104" s="16">
        <v>15</v>
      </c>
      <c r="F104" s="16">
        <v>1769</v>
      </c>
      <c r="G104" s="16">
        <v>13</v>
      </c>
      <c r="H104" s="16">
        <v>1504</v>
      </c>
      <c r="I104" s="16">
        <v>0</v>
      </c>
      <c r="J104" s="16">
        <v>0</v>
      </c>
      <c r="K104" s="16">
        <v>2</v>
      </c>
      <c r="L104" s="16">
        <v>265</v>
      </c>
      <c r="M104" s="16">
        <v>0</v>
      </c>
      <c r="N104" s="16">
        <v>0</v>
      </c>
      <c r="O104" s="16">
        <v>0</v>
      </c>
      <c r="P104" s="16">
        <v>0</v>
      </c>
    </row>
    <row r="105" spans="2:16" ht="12.95" customHeight="1" x14ac:dyDescent="0.15">
      <c r="B105" s="12"/>
      <c r="C105" s="12"/>
      <c r="D105" s="15" t="s">
        <v>133</v>
      </c>
      <c r="E105" s="16">
        <v>31</v>
      </c>
      <c r="F105" s="16">
        <v>1445</v>
      </c>
      <c r="G105" s="16">
        <v>31</v>
      </c>
      <c r="H105" s="16">
        <v>1445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22</v>
      </c>
      <c r="F107" s="19">
        <v>2166</v>
      </c>
      <c r="G107" s="19">
        <v>20</v>
      </c>
      <c r="H107" s="19">
        <v>2000</v>
      </c>
      <c r="I107" s="19">
        <v>0</v>
      </c>
      <c r="J107" s="19">
        <v>0</v>
      </c>
      <c r="K107" s="19">
        <v>2</v>
      </c>
      <c r="L107" s="19">
        <v>166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62</v>
      </c>
      <c r="F108" s="21">
        <v>6374</v>
      </c>
      <c r="G108" s="21">
        <v>51</v>
      </c>
      <c r="H108" s="21">
        <v>5119</v>
      </c>
      <c r="I108" s="21">
        <v>0</v>
      </c>
      <c r="J108" s="21">
        <v>0</v>
      </c>
      <c r="K108" s="21">
        <v>5</v>
      </c>
      <c r="L108" s="21">
        <v>493</v>
      </c>
      <c r="M108" s="21">
        <v>0</v>
      </c>
      <c r="N108" s="21">
        <v>0</v>
      </c>
      <c r="O108" s="21">
        <v>6</v>
      </c>
      <c r="P108" s="21">
        <v>762</v>
      </c>
    </row>
    <row r="109" spans="2:16" ht="12.95" customHeight="1" x14ac:dyDescent="0.15">
      <c r="B109" s="12"/>
      <c r="C109" s="12"/>
      <c r="D109" s="15" t="s">
        <v>132</v>
      </c>
      <c r="E109" s="16">
        <v>19</v>
      </c>
      <c r="F109" s="16">
        <v>2524</v>
      </c>
      <c r="G109" s="16">
        <v>13</v>
      </c>
      <c r="H109" s="16">
        <v>1758</v>
      </c>
      <c r="I109" s="16">
        <v>0</v>
      </c>
      <c r="J109" s="16">
        <v>0</v>
      </c>
      <c r="K109" s="16">
        <v>2</v>
      </c>
      <c r="L109" s="16">
        <v>200</v>
      </c>
      <c r="M109" s="16">
        <v>0</v>
      </c>
      <c r="N109" s="16">
        <v>0</v>
      </c>
      <c r="O109" s="16">
        <v>4</v>
      </c>
      <c r="P109" s="16">
        <v>566</v>
      </c>
    </row>
    <row r="110" spans="2:16" ht="12.95" customHeight="1" x14ac:dyDescent="0.15">
      <c r="B110" s="12"/>
      <c r="C110" s="12"/>
      <c r="D110" s="15" t="s">
        <v>133</v>
      </c>
      <c r="E110" s="16">
        <v>11</v>
      </c>
      <c r="F110" s="16">
        <v>548</v>
      </c>
      <c r="G110" s="16">
        <v>11</v>
      </c>
      <c r="H110" s="16">
        <v>548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32</v>
      </c>
      <c r="F112" s="19">
        <v>3302</v>
      </c>
      <c r="G112" s="19">
        <v>27</v>
      </c>
      <c r="H112" s="19">
        <v>2813</v>
      </c>
      <c r="I112" s="19">
        <v>0</v>
      </c>
      <c r="J112" s="19">
        <v>0</v>
      </c>
      <c r="K112" s="19">
        <v>3</v>
      </c>
      <c r="L112" s="19">
        <v>293</v>
      </c>
      <c r="M112" s="19">
        <v>0</v>
      </c>
      <c r="N112" s="19">
        <v>0</v>
      </c>
      <c r="O112" s="19">
        <v>2</v>
      </c>
      <c r="P112" s="19">
        <v>196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79</v>
      </c>
      <c r="F113" s="21">
        <v>7741</v>
      </c>
      <c r="G113" s="21">
        <v>74</v>
      </c>
      <c r="H113" s="21">
        <v>7080</v>
      </c>
      <c r="I113" s="21">
        <v>0</v>
      </c>
      <c r="J113" s="21">
        <v>0</v>
      </c>
      <c r="K113" s="21">
        <v>2</v>
      </c>
      <c r="L113" s="21">
        <v>209</v>
      </c>
      <c r="M113" s="21">
        <v>0</v>
      </c>
      <c r="N113" s="21">
        <v>0</v>
      </c>
      <c r="O113" s="21">
        <v>3</v>
      </c>
      <c r="P113" s="21">
        <v>452</v>
      </c>
    </row>
    <row r="114" spans="2:16" ht="12.95" customHeight="1" x14ac:dyDescent="0.15">
      <c r="B114" s="12"/>
      <c r="C114" s="12"/>
      <c r="D114" s="15" t="s">
        <v>132</v>
      </c>
      <c r="E114" s="16">
        <v>25</v>
      </c>
      <c r="F114" s="16">
        <v>3438</v>
      </c>
      <c r="G114" s="16">
        <v>23</v>
      </c>
      <c r="H114" s="16">
        <v>3122</v>
      </c>
      <c r="I114" s="16">
        <v>0</v>
      </c>
      <c r="J114" s="16">
        <v>0</v>
      </c>
      <c r="K114" s="16">
        <v>1</v>
      </c>
      <c r="L114" s="16">
        <v>105</v>
      </c>
      <c r="M114" s="16">
        <v>0</v>
      </c>
      <c r="N114" s="16">
        <v>0</v>
      </c>
      <c r="O114" s="16">
        <v>1</v>
      </c>
      <c r="P114" s="16">
        <v>211</v>
      </c>
    </row>
    <row r="115" spans="2:16" ht="12.95" customHeight="1" x14ac:dyDescent="0.15">
      <c r="B115" s="12"/>
      <c r="C115" s="12"/>
      <c r="D115" s="15" t="s">
        <v>133</v>
      </c>
      <c r="E115" s="16">
        <v>31</v>
      </c>
      <c r="F115" s="16">
        <v>2027</v>
      </c>
      <c r="G115" s="16">
        <v>31</v>
      </c>
      <c r="H115" s="16">
        <v>2027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23</v>
      </c>
      <c r="F117" s="19">
        <v>2276</v>
      </c>
      <c r="G117" s="19">
        <v>20</v>
      </c>
      <c r="H117" s="19">
        <v>1931</v>
      </c>
      <c r="I117" s="19">
        <v>0</v>
      </c>
      <c r="J117" s="19">
        <v>0</v>
      </c>
      <c r="K117" s="19">
        <v>1</v>
      </c>
      <c r="L117" s="19">
        <v>104</v>
      </c>
      <c r="M117" s="19">
        <v>0</v>
      </c>
      <c r="N117" s="19">
        <v>0</v>
      </c>
      <c r="O117" s="19">
        <v>2</v>
      </c>
      <c r="P117" s="19">
        <v>241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901</v>
      </c>
      <c r="F118" s="21">
        <v>55891</v>
      </c>
      <c r="G118" s="21">
        <v>812</v>
      </c>
      <c r="H118" s="21">
        <v>49189</v>
      </c>
      <c r="I118" s="21">
        <v>0</v>
      </c>
      <c r="J118" s="21">
        <v>0</v>
      </c>
      <c r="K118" s="21">
        <v>37</v>
      </c>
      <c r="L118" s="21">
        <v>3813</v>
      </c>
      <c r="M118" s="21">
        <v>0</v>
      </c>
      <c r="N118" s="21">
        <v>0</v>
      </c>
      <c r="O118" s="21">
        <v>52</v>
      </c>
      <c r="P118" s="21">
        <v>2889</v>
      </c>
    </row>
    <row r="119" spans="2:16" ht="12.95" customHeight="1" x14ac:dyDescent="0.15">
      <c r="B119" s="12"/>
      <c r="C119" s="12"/>
      <c r="D119" s="15" t="s">
        <v>132</v>
      </c>
      <c r="E119" s="16">
        <v>119</v>
      </c>
      <c r="F119" s="16">
        <v>14003</v>
      </c>
      <c r="G119" s="16">
        <v>102</v>
      </c>
      <c r="H119" s="16">
        <v>12063</v>
      </c>
      <c r="I119" s="16">
        <v>0</v>
      </c>
      <c r="J119" s="16">
        <v>0</v>
      </c>
      <c r="K119" s="16">
        <v>6</v>
      </c>
      <c r="L119" s="16">
        <v>601</v>
      </c>
      <c r="M119" s="16">
        <v>0</v>
      </c>
      <c r="N119" s="16">
        <v>0</v>
      </c>
      <c r="O119" s="16">
        <v>11</v>
      </c>
      <c r="P119" s="16">
        <v>1339</v>
      </c>
    </row>
    <row r="120" spans="2:16" ht="12.95" customHeight="1" x14ac:dyDescent="0.15">
      <c r="B120" s="12"/>
      <c r="C120" s="12"/>
      <c r="D120" s="15" t="s">
        <v>133</v>
      </c>
      <c r="E120" s="16">
        <v>442</v>
      </c>
      <c r="F120" s="16">
        <v>17525</v>
      </c>
      <c r="G120" s="16">
        <v>402</v>
      </c>
      <c r="H120" s="16">
        <v>16072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40</v>
      </c>
      <c r="P120" s="16">
        <v>1453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340</v>
      </c>
      <c r="F122" s="19">
        <v>24363</v>
      </c>
      <c r="G122" s="19">
        <v>308</v>
      </c>
      <c r="H122" s="19">
        <v>21054</v>
      </c>
      <c r="I122" s="19">
        <v>0</v>
      </c>
      <c r="J122" s="19">
        <v>0</v>
      </c>
      <c r="K122" s="19">
        <v>31</v>
      </c>
      <c r="L122" s="19">
        <v>3212</v>
      </c>
      <c r="M122" s="19">
        <v>0</v>
      </c>
      <c r="N122" s="19">
        <v>0</v>
      </c>
      <c r="O122" s="19">
        <v>1</v>
      </c>
      <c r="P122" s="19">
        <v>97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175</v>
      </c>
      <c r="F123" s="21">
        <v>7535</v>
      </c>
      <c r="G123" s="21">
        <v>166</v>
      </c>
      <c r="H123" s="21">
        <v>6709</v>
      </c>
      <c r="I123" s="21">
        <v>0</v>
      </c>
      <c r="J123" s="21">
        <v>0</v>
      </c>
      <c r="K123" s="21">
        <v>6</v>
      </c>
      <c r="L123" s="21">
        <v>597</v>
      </c>
      <c r="M123" s="21">
        <v>0</v>
      </c>
      <c r="N123" s="21">
        <v>0</v>
      </c>
      <c r="O123" s="21">
        <v>3</v>
      </c>
      <c r="P123" s="21">
        <v>229</v>
      </c>
    </row>
    <row r="124" spans="2:16" ht="12.95" customHeight="1" x14ac:dyDescent="0.15">
      <c r="B124" s="12"/>
      <c r="C124" s="12"/>
      <c r="D124" s="15" t="s">
        <v>132</v>
      </c>
      <c r="E124" s="16">
        <v>13</v>
      </c>
      <c r="F124" s="16">
        <v>1499</v>
      </c>
      <c r="G124" s="16">
        <v>13</v>
      </c>
      <c r="H124" s="16">
        <v>1499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</row>
    <row r="125" spans="2:16" ht="12.95" customHeight="1" x14ac:dyDescent="0.15">
      <c r="B125" s="12"/>
      <c r="C125" s="12"/>
      <c r="D125" s="15" t="s">
        <v>133</v>
      </c>
      <c r="E125" s="16">
        <v>107</v>
      </c>
      <c r="F125" s="16">
        <v>3046</v>
      </c>
      <c r="G125" s="16">
        <v>104</v>
      </c>
      <c r="H125" s="16">
        <v>2817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3</v>
      </c>
      <c r="P125" s="16">
        <v>229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55</v>
      </c>
      <c r="F127" s="19">
        <v>2990</v>
      </c>
      <c r="G127" s="19">
        <v>49</v>
      </c>
      <c r="H127" s="19">
        <v>2393</v>
      </c>
      <c r="I127" s="19">
        <v>0</v>
      </c>
      <c r="J127" s="19">
        <v>0</v>
      </c>
      <c r="K127" s="19">
        <v>6</v>
      </c>
      <c r="L127" s="19">
        <v>597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101</v>
      </c>
      <c r="F128" s="21">
        <v>8231</v>
      </c>
      <c r="G128" s="21">
        <v>95</v>
      </c>
      <c r="H128" s="21">
        <v>7520</v>
      </c>
      <c r="I128" s="21">
        <v>0</v>
      </c>
      <c r="J128" s="21">
        <v>0</v>
      </c>
      <c r="K128" s="21">
        <v>4</v>
      </c>
      <c r="L128" s="21">
        <v>441</v>
      </c>
      <c r="M128" s="21">
        <v>0</v>
      </c>
      <c r="N128" s="21">
        <v>0</v>
      </c>
      <c r="O128" s="21">
        <v>2</v>
      </c>
      <c r="P128" s="21">
        <v>270</v>
      </c>
    </row>
    <row r="129" spans="2:16" ht="12.95" customHeight="1" x14ac:dyDescent="0.15">
      <c r="B129" s="12"/>
      <c r="C129" s="12"/>
      <c r="D129" s="15" t="s">
        <v>132</v>
      </c>
      <c r="E129" s="16">
        <v>10</v>
      </c>
      <c r="F129" s="16">
        <v>1115</v>
      </c>
      <c r="G129" s="16">
        <v>8</v>
      </c>
      <c r="H129" s="16">
        <v>845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2</v>
      </c>
      <c r="P129" s="16">
        <v>270</v>
      </c>
    </row>
    <row r="130" spans="2:16" ht="12.95" customHeight="1" x14ac:dyDescent="0.15">
      <c r="B130" s="12"/>
      <c r="C130" s="12"/>
      <c r="D130" s="15" t="s">
        <v>133</v>
      </c>
      <c r="E130" s="16">
        <v>21</v>
      </c>
      <c r="F130" s="16">
        <v>1106</v>
      </c>
      <c r="G130" s="16">
        <v>21</v>
      </c>
      <c r="H130" s="16">
        <v>1106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70</v>
      </c>
      <c r="F132" s="19">
        <v>6010</v>
      </c>
      <c r="G132" s="19">
        <v>66</v>
      </c>
      <c r="H132" s="19">
        <v>5569</v>
      </c>
      <c r="I132" s="19">
        <v>0</v>
      </c>
      <c r="J132" s="19">
        <v>0</v>
      </c>
      <c r="K132" s="19">
        <v>4</v>
      </c>
      <c r="L132" s="19">
        <v>441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56</v>
      </c>
      <c r="F133" s="21">
        <v>9294</v>
      </c>
      <c r="G133" s="21">
        <v>135</v>
      </c>
      <c r="H133" s="21">
        <v>8485</v>
      </c>
      <c r="I133" s="21">
        <v>0</v>
      </c>
      <c r="J133" s="21">
        <v>0</v>
      </c>
      <c r="K133" s="21">
        <v>1</v>
      </c>
      <c r="L133" s="21">
        <v>115</v>
      </c>
      <c r="M133" s="21">
        <v>0</v>
      </c>
      <c r="N133" s="21">
        <v>0</v>
      </c>
      <c r="O133" s="21">
        <v>20</v>
      </c>
      <c r="P133" s="21">
        <v>694</v>
      </c>
    </row>
    <row r="134" spans="2:16" ht="12.95" customHeight="1" x14ac:dyDescent="0.15">
      <c r="B134" s="12"/>
      <c r="C134" s="12"/>
      <c r="D134" s="15" t="s">
        <v>132</v>
      </c>
      <c r="E134" s="16">
        <v>22</v>
      </c>
      <c r="F134" s="16">
        <v>2101</v>
      </c>
      <c r="G134" s="16">
        <v>18</v>
      </c>
      <c r="H134" s="16">
        <v>1732</v>
      </c>
      <c r="I134" s="16">
        <v>0</v>
      </c>
      <c r="J134" s="16">
        <v>0</v>
      </c>
      <c r="K134" s="16">
        <v>1</v>
      </c>
      <c r="L134" s="16">
        <v>115</v>
      </c>
      <c r="M134" s="16">
        <v>0</v>
      </c>
      <c r="N134" s="16">
        <v>0</v>
      </c>
      <c r="O134" s="16">
        <v>3</v>
      </c>
      <c r="P134" s="16">
        <v>254</v>
      </c>
    </row>
    <row r="135" spans="2:16" ht="12.95" customHeight="1" x14ac:dyDescent="0.15">
      <c r="B135" s="12"/>
      <c r="C135" s="12"/>
      <c r="D135" s="15" t="s">
        <v>133</v>
      </c>
      <c r="E135" s="16">
        <v>78</v>
      </c>
      <c r="F135" s="16">
        <v>3313</v>
      </c>
      <c r="G135" s="16">
        <v>61</v>
      </c>
      <c r="H135" s="16">
        <v>2873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17</v>
      </c>
      <c r="P135" s="16">
        <v>440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56</v>
      </c>
      <c r="F137" s="19">
        <v>3880</v>
      </c>
      <c r="G137" s="19">
        <v>56</v>
      </c>
      <c r="H137" s="19">
        <v>3880</v>
      </c>
      <c r="I137" s="19">
        <v>0</v>
      </c>
      <c r="J137" s="19">
        <v>0</v>
      </c>
      <c r="K137" s="19">
        <v>0</v>
      </c>
      <c r="L137" s="19">
        <v>0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108</v>
      </c>
      <c r="F138" s="21">
        <v>6966</v>
      </c>
      <c r="G138" s="21">
        <v>93</v>
      </c>
      <c r="H138" s="21">
        <v>6414</v>
      </c>
      <c r="I138" s="21">
        <v>0</v>
      </c>
      <c r="J138" s="21">
        <v>0</v>
      </c>
      <c r="K138" s="21">
        <v>2</v>
      </c>
      <c r="L138" s="21">
        <v>188</v>
      </c>
      <c r="M138" s="21">
        <v>0</v>
      </c>
      <c r="N138" s="21">
        <v>0</v>
      </c>
      <c r="O138" s="21">
        <v>13</v>
      </c>
      <c r="P138" s="21">
        <v>364</v>
      </c>
    </row>
    <row r="139" spans="2:16" ht="12.95" customHeight="1" x14ac:dyDescent="0.15">
      <c r="B139" s="12"/>
      <c r="C139" s="12"/>
      <c r="D139" s="15" t="s">
        <v>132</v>
      </c>
      <c r="E139" s="16">
        <v>15</v>
      </c>
      <c r="F139" s="16">
        <v>1833</v>
      </c>
      <c r="G139" s="16">
        <v>13</v>
      </c>
      <c r="H139" s="16">
        <v>1673</v>
      </c>
      <c r="I139" s="16">
        <v>0</v>
      </c>
      <c r="J139" s="16">
        <v>0</v>
      </c>
      <c r="K139" s="16">
        <v>1</v>
      </c>
      <c r="L139" s="16">
        <v>88</v>
      </c>
      <c r="M139" s="16">
        <v>0</v>
      </c>
      <c r="N139" s="16">
        <v>0</v>
      </c>
      <c r="O139" s="16">
        <v>1</v>
      </c>
      <c r="P139" s="16">
        <v>72</v>
      </c>
    </row>
    <row r="140" spans="2:16" ht="12.95" customHeight="1" x14ac:dyDescent="0.15">
      <c r="B140" s="12"/>
      <c r="C140" s="12"/>
      <c r="D140" s="15" t="s">
        <v>133</v>
      </c>
      <c r="E140" s="16">
        <v>70</v>
      </c>
      <c r="F140" s="16">
        <v>2952</v>
      </c>
      <c r="G140" s="16">
        <v>58</v>
      </c>
      <c r="H140" s="16">
        <v>2660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12</v>
      </c>
      <c r="P140" s="16">
        <v>292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23</v>
      </c>
      <c r="F142" s="19">
        <v>2181</v>
      </c>
      <c r="G142" s="19">
        <v>22</v>
      </c>
      <c r="H142" s="19">
        <v>2081</v>
      </c>
      <c r="I142" s="19">
        <v>0</v>
      </c>
      <c r="J142" s="19">
        <v>0</v>
      </c>
      <c r="K142" s="19">
        <v>1</v>
      </c>
      <c r="L142" s="19">
        <v>100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170</v>
      </c>
      <c r="F143" s="21">
        <v>11367</v>
      </c>
      <c r="G143" s="21">
        <v>160</v>
      </c>
      <c r="H143" s="21">
        <v>10268</v>
      </c>
      <c r="I143" s="21">
        <v>0</v>
      </c>
      <c r="J143" s="21">
        <v>0</v>
      </c>
      <c r="K143" s="21">
        <v>8</v>
      </c>
      <c r="L143" s="21">
        <v>826</v>
      </c>
      <c r="M143" s="21">
        <v>0</v>
      </c>
      <c r="N143" s="21">
        <v>0</v>
      </c>
      <c r="O143" s="21">
        <v>2</v>
      </c>
      <c r="P143" s="21">
        <v>273</v>
      </c>
    </row>
    <row r="144" spans="2:16" ht="12.95" customHeight="1" x14ac:dyDescent="0.15">
      <c r="B144" s="12"/>
      <c r="C144" s="12"/>
      <c r="D144" s="15" t="s">
        <v>132</v>
      </c>
      <c r="E144" s="16">
        <v>27</v>
      </c>
      <c r="F144" s="16">
        <v>3376</v>
      </c>
      <c r="G144" s="16">
        <v>24</v>
      </c>
      <c r="H144" s="16">
        <v>3015</v>
      </c>
      <c r="I144" s="16">
        <v>0</v>
      </c>
      <c r="J144" s="16">
        <v>0</v>
      </c>
      <c r="K144" s="16">
        <v>2</v>
      </c>
      <c r="L144" s="16">
        <v>185</v>
      </c>
      <c r="M144" s="16">
        <v>0</v>
      </c>
      <c r="N144" s="16">
        <v>0</v>
      </c>
      <c r="O144" s="16">
        <v>1</v>
      </c>
      <c r="P144" s="16">
        <v>176</v>
      </c>
    </row>
    <row r="145" spans="2:16" ht="12.95" customHeight="1" x14ac:dyDescent="0.15">
      <c r="B145" s="12"/>
      <c r="C145" s="12"/>
      <c r="D145" s="15" t="s">
        <v>133</v>
      </c>
      <c r="E145" s="16">
        <v>115</v>
      </c>
      <c r="F145" s="16">
        <v>5077</v>
      </c>
      <c r="G145" s="16">
        <v>115</v>
      </c>
      <c r="H145" s="16">
        <v>5077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28</v>
      </c>
      <c r="F147" s="19">
        <v>2914</v>
      </c>
      <c r="G147" s="19">
        <v>21</v>
      </c>
      <c r="H147" s="19">
        <v>2176</v>
      </c>
      <c r="I147" s="19">
        <v>0</v>
      </c>
      <c r="J147" s="19">
        <v>0</v>
      </c>
      <c r="K147" s="19">
        <v>6</v>
      </c>
      <c r="L147" s="19">
        <v>641</v>
      </c>
      <c r="M147" s="19">
        <v>0</v>
      </c>
      <c r="N147" s="19">
        <v>0</v>
      </c>
      <c r="O147" s="19">
        <v>1</v>
      </c>
      <c r="P147" s="19">
        <v>97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144</v>
      </c>
      <c r="F148" s="21">
        <v>8354</v>
      </c>
      <c r="G148" s="21">
        <v>125</v>
      </c>
      <c r="H148" s="21">
        <v>6733</v>
      </c>
      <c r="I148" s="21">
        <v>0</v>
      </c>
      <c r="J148" s="21">
        <v>0</v>
      </c>
      <c r="K148" s="21">
        <v>11</v>
      </c>
      <c r="L148" s="21">
        <v>1129</v>
      </c>
      <c r="M148" s="21">
        <v>0</v>
      </c>
      <c r="N148" s="21">
        <v>0</v>
      </c>
      <c r="O148" s="21">
        <v>8</v>
      </c>
      <c r="P148" s="21">
        <v>492</v>
      </c>
    </row>
    <row r="149" spans="2:16" ht="12.95" customHeight="1" x14ac:dyDescent="0.15">
      <c r="B149" s="12"/>
      <c r="C149" s="12"/>
      <c r="D149" s="15" t="s">
        <v>132</v>
      </c>
      <c r="E149" s="16">
        <v>15</v>
      </c>
      <c r="F149" s="16">
        <v>1820</v>
      </c>
      <c r="G149" s="16">
        <v>15</v>
      </c>
      <c r="H149" s="16">
        <v>182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</row>
    <row r="150" spans="2:16" ht="12.95" customHeight="1" x14ac:dyDescent="0.15">
      <c r="B150" s="12"/>
      <c r="C150" s="12"/>
      <c r="D150" s="15" t="s">
        <v>133</v>
      </c>
      <c r="E150" s="16">
        <v>33</v>
      </c>
      <c r="F150" s="16">
        <v>1357</v>
      </c>
      <c r="G150" s="16">
        <v>25</v>
      </c>
      <c r="H150" s="16">
        <v>865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8</v>
      </c>
      <c r="P150" s="16">
        <v>492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96</v>
      </c>
      <c r="F152" s="19">
        <v>5177</v>
      </c>
      <c r="G152" s="19">
        <v>85</v>
      </c>
      <c r="H152" s="19">
        <v>4048</v>
      </c>
      <c r="I152" s="19">
        <v>0</v>
      </c>
      <c r="J152" s="19">
        <v>0</v>
      </c>
      <c r="K152" s="19">
        <v>11</v>
      </c>
      <c r="L152" s="19">
        <v>1129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47</v>
      </c>
      <c r="F153" s="21">
        <v>4144</v>
      </c>
      <c r="G153" s="21">
        <v>38</v>
      </c>
      <c r="H153" s="21">
        <v>3060</v>
      </c>
      <c r="I153" s="21">
        <v>0</v>
      </c>
      <c r="J153" s="21">
        <v>0</v>
      </c>
      <c r="K153" s="21">
        <v>5</v>
      </c>
      <c r="L153" s="21">
        <v>517</v>
      </c>
      <c r="M153" s="21">
        <v>0</v>
      </c>
      <c r="N153" s="21">
        <v>0</v>
      </c>
      <c r="O153" s="21">
        <v>4</v>
      </c>
      <c r="P153" s="21">
        <v>567</v>
      </c>
    </row>
    <row r="154" spans="2:16" ht="12.95" customHeight="1" x14ac:dyDescent="0.15">
      <c r="B154" s="12"/>
      <c r="C154" s="12"/>
      <c r="D154" s="15" t="s">
        <v>132</v>
      </c>
      <c r="E154" s="16">
        <v>17</v>
      </c>
      <c r="F154" s="16">
        <v>2259</v>
      </c>
      <c r="G154" s="16">
        <v>11</v>
      </c>
      <c r="H154" s="16">
        <v>1479</v>
      </c>
      <c r="I154" s="16">
        <v>0</v>
      </c>
      <c r="J154" s="16">
        <v>0</v>
      </c>
      <c r="K154" s="16">
        <v>2</v>
      </c>
      <c r="L154" s="16">
        <v>213</v>
      </c>
      <c r="M154" s="16">
        <v>0</v>
      </c>
      <c r="N154" s="16">
        <v>0</v>
      </c>
      <c r="O154" s="16">
        <v>4</v>
      </c>
      <c r="P154" s="16">
        <v>567</v>
      </c>
    </row>
    <row r="155" spans="2:16" ht="12.95" customHeight="1" x14ac:dyDescent="0.15">
      <c r="B155" s="12"/>
      <c r="C155" s="12"/>
      <c r="D155" s="15" t="s">
        <v>133</v>
      </c>
      <c r="E155" s="16">
        <v>18</v>
      </c>
      <c r="F155" s="16">
        <v>674</v>
      </c>
      <c r="G155" s="16">
        <v>18</v>
      </c>
      <c r="H155" s="16">
        <v>674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12</v>
      </c>
      <c r="F157" s="19">
        <v>1211</v>
      </c>
      <c r="G157" s="19">
        <v>9</v>
      </c>
      <c r="H157" s="19">
        <v>907</v>
      </c>
      <c r="I157" s="19">
        <v>0</v>
      </c>
      <c r="J157" s="19">
        <v>0</v>
      </c>
      <c r="K157" s="19">
        <v>3</v>
      </c>
      <c r="L157" s="19">
        <v>304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487</v>
      </c>
      <c r="F158" s="21">
        <v>33507</v>
      </c>
      <c r="G158" s="21">
        <v>430</v>
      </c>
      <c r="H158" s="21">
        <v>28973</v>
      </c>
      <c r="I158" s="21">
        <v>0</v>
      </c>
      <c r="J158" s="21">
        <v>0</v>
      </c>
      <c r="K158" s="21">
        <v>16</v>
      </c>
      <c r="L158" s="21">
        <v>1506</v>
      </c>
      <c r="M158" s="21">
        <v>0</v>
      </c>
      <c r="N158" s="21">
        <v>0</v>
      </c>
      <c r="O158" s="21">
        <v>41</v>
      </c>
      <c r="P158" s="21">
        <v>3028</v>
      </c>
    </row>
    <row r="159" spans="2:16" ht="12.95" customHeight="1" x14ac:dyDescent="0.15">
      <c r="B159" s="12"/>
      <c r="C159" s="12"/>
      <c r="D159" s="15" t="s">
        <v>132</v>
      </c>
      <c r="E159" s="16">
        <v>80</v>
      </c>
      <c r="F159" s="16">
        <v>8363</v>
      </c>
      <c r="G159" s="16">
        <v>58</v>
      </c>
      <c r="H159" s="16">
        <v>6150</v>
      </c>
      <c r="I159" s="16">
        <v>0</v>
      </c>
      <c r="J159" s="16">
        <v>0</v>
      </c>
      <c r="K159" s="16">
        <v>5</v>
      </c>
      <c r="L159" s="16">
        <v>507</v>
      </c>
      <c r="M159" s="16">
        <v>0</v>
      </c>
      <c r="N159" s="16">
        <v>0</v>
      </c>
      <c r="O159" s="16">
        <v>17</v>
      </c>
      <c r="P159" s="16">
        <v>1706</v>
      </c>
    </row>
    <row r="160" spans="2:16" ht="12.95" customHeight="1" x14ac:dyDescent="0.15">
      <c r="B160" s="12"/>
      <c r="C160" s="12"/>
      <c r="D160" s="15" t="s">
        <v>133</v>
      </c>
      <c r="E160" s="16">
        <v>209</v>
      </c>
      <c r="F160" s="16">
        <v>8538</v>
      </c>
      <c r="G160" s="16">
        <v>191</v>
      </c>
      <c r="H160" s="16">
        <v>7852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18</v>
      </c>
      <c r="P160" s="16">
        <v>686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98</v>
      </c>
      <c r="F162" s="19">
        <v>16606</v>
      </c>
      <c r="G162" s="19">
        <v>181</v>
      </c>
      <c r="H162" s="19">
        <v>14971</v>
      </c>
      <c r="I162" s="19">
        <v>0</v>
      </c>
      <c r="J162" s="19">
        <v>0</v>
      </c>
      <c r="K162" s="19">
        <v>11</v>
      </c>
      <c r="L162" s="19">
        <v>999</v>
      </c>
      <c r="M162" s="19">
        <v>0</v>
      </c>
      <c r="N162" s="19">
        <v>0</v>
      </c>
      <c r="O162" s="19">
        <v>6</v>
      </c>
      <c r="P162" s="19">
        <v>636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59</v>
      </c>
      <c r="F163" s="21">
        <v>5026</v>
      </c>
      <c r="G163" s="21">
        <v>49</v>
      </c>
      <c r="H163" s="21">
        <v>4030</v>
      </c>
      <c r="I163" s="21">
        <v>0</v>
      </c>
      <c r="J163" s="21">
        <v>0</v>
      </c>
      <c r="K163" s="21">
        <v>4</v>
      </c>
      <c r="L163" s="21">
        <v>384</v>
      </c>
      <c r="M163" s="21">
        <v>0</v>
      </c>
      <c r="N163" s="21">
        <v>0</v>
      </c>
      <c r="O163" s="21">
        <v>6</v>
      </c>
      <c r="P163" s="21">
        <v>612</v>
      </c>
    </row>
    <row r="164" spans="2:16" ht="12.95" customHeight="1" x14ac:dyDescent="0.15">
      <c r="B164" s="12"/>
      <c r="C164" s="12"/>
      <c r="D164" s="15" t="s">
        <v>132</v>
      </c>
      <c r="E164" s="16">
        <v>19</v>
      </c>
      <c r="F164" s="16">
        <v>2002</v>
      </c>
      <c r="G164" s="16">
        <v>15</v>
      </c>
      <c r="H164" s="16">
        <v>1631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4</v>
      </c>
      <c r="P164" s="16">
        <v>371</v>
      </c>
    </row>
    <row r="165" spans="2:16" ht="12.95" customHeight="1" x14ac:dyDescent="0.15">
      <c r="B165" s="12"/>
      <c r="C165" s="12"/>
      <c r="D165" s="15" t="s">
        <v>133</v>
      </c>
      <c r="E165" s="16">
        <v>21</v>
      </c>
      <c r="F165" s="16">
        <v>1129</v>
      </c>
      <c r="G165" s="16">
        <v>21</v>
      </c>
      <c r="H165" s="16">
        <v>1129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19</v>
      </c>
      <c r="F167" s="19">
        <v>1895</v>
      </c>
      <c r="G167" s="19">
        <v>13</v>
      </c>
      <c r="H167" s="19">
        <v>1270</v>
      </c>
      <c r="I167" s="19">
        <v>0</v>
      </c>
      <c r="J167" s="19">
        <v>0</v>
      </c>
      <c r="K167" s="19">
        <v>4</v>
      </c>
      <c r="L167" s="19">
        <v>384</v>
      </c>
      <c r="M167" s="19">
        <v>0</v>
      </c>
      <c r="N167" s="19">
        <v>0</v>
      </c>
      <c r="O167" s="19">
        <v>2</v>
      </c>
      <c r="P167" s="19">
        <v>241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290</v>
      </c>
      <c r="F168" s="21">
        <v>20103</v>
      </c>
      <c r="G168" s="21">
        <v>278</v>
      </c>
      <c r="H168" s="21">
        <v>18859</v>
      </c>
      <c r="I168" s="21">
        <v>0</v>
      </c>
      <c r="J168" s="21">
        <v>0</v>
      </c>
      <c r="K168" s="21">
        <v>7</v>
      </c>
      <c r="L168" s="21">
        <v>615</v>
      </c>
      <c r="M168" s="21">
        <v>0</v>
      </c>
      <c r="N168" s="21">
        <v>0</v>
      </c>
      <c r="O168" s="21">
        <v>5</v>
      </c>
      <c r="P168" s="21">
        <v>629</v>
      </c>
    </row>
    <row r="169" spans="2:16" ht="12.95" customHeight="1" x14ac:dyDescent="0.15">
      <c r="B169" s="12"/>
      <c r="C169" s="12"/>
      <c r="D169" s="15" t="s">
        <v>132</v>
      </c>
      <c r="E169" s="16">
        <v>24</v>
      </c>
      <c r="F169" s="16">
        <v>2615</v>
      </c>
      <c r="G169" s="16">
        <v>21</v>
      </c>
      <c r="H169" s="16">
        <v>217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3</v>
      </c>
      <c r="P169" s="16">
        <v>445</v>
      </c>
    </row>
    <row r="170" spans="2:16" ht="12.95" customHeight="1" x14ac:dyDescent="0.15">
      <c r="B170" s="12"/>
      <c r="C170" s="12"/>
      <c r="D170" s="15" t="s">
        <v>133</v>
      </c>
      <c r="E170" s="16">
        <v>100</v>
      </c>
      <c r="F170" s="16">
        <v>4067</v>
      </c>
      <c r="G170" s="16">
        <v>100</v>
      </c>
      <c r="H170" s="16">
        <v>4067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166</v>
      </c>
      <c r="F172" s="19">
        <v>13421</v>
      </c>
      <c r="G172" s="19">
        <v>157</v>
      </c>
      <c r="H172" s="19">
        <v>12622</v>
      </c>
      <c r="I172" s="19">
        <v>0</v>
      </c>
      <c r="J172" s="19">
        <v>0</v>
      </c>
      <c r="K172" s="19">
        <v>7</v>
      </c>
      <c r="L172" s="19">
        <v>615</v>
      </c>
      <c r="M172" s="19">
        <v>0</v>
      </c>
      <c r="N172" s="19">
        <v>0</v>
      </c>
      <c r="O172" s="19">
        <v>2</v>
      </c>
      <c r="P172" s="19">
        <v>184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38</v>
      </c>
      <c r="F173" s="21">
        <v>8378</v>
      </c>
      <c r="G173" s="21">
        <v>103</v>
      </c>
      <c r="H173" s="21">
        <v>6084</v>
      </c>
      <c r="I173" s="21">
        <v>0</v>
      </c>
      <c r="J173" s="21">
        <v>0</v>
      </c>
      <c r="K173" s="21">
        <v>5</v>
      </c>
      <c r="L173" s="21">
        <v>507</v>
      </c>
      <c r="M173" s="21">
        <v>0</v>
      </c>
      <c r="N173" s="21">
        <v>0</v>
      </c>
      <c r="O173" s="21">
        <v>30</v>
      </c>
      <c r="P173" s="21">
        <v>1787</v>
      </c>
    </row>
    <row r="174" spans="2:16" ht="12.95" customHeight="1" x14ac:dyDescent="0.15">
      <c r="B174" s="12"/>
      <c r="C174" s="12"/>
      <c r="D174" s="15" t="s">
        <v>132</v>
      </c>
      <c r="E174" s="16">
        <v>37</v>
      </c>
      <c r="F174" s="16">
        <v>3746</v>
      </c>
      <c r="G174" s="16">
        <v>22</v>
      </c>
      <c r="H174" s="16">
        <v>2349</v>
      </c>
      <c r="I174" s="16">
        <v>0</v>
      </c>
      <c r="J174" s="16">
        <v>0</v>
      </c>
      <c r="K174" s="16">
        <v>5</v>
      </c>
      <c r="L174" s="16">
        <v>507</v>
      </c>
      <c r="M174" s="16">
        <v>0</v>
      </c>
      <c r="N174" s="16">
        <v>0</v>
      </c>
      <c r="O174" s="16">
        <v>10</v>
      </c>
      <c r="P174" s="16">
        <v>890</v>
      </c>
    </row>
    <row r="175" spans="2:16" ht="12.95" customHeight="1" x14ac:dyDescent="0.15">
      <c r="B175" s="12"/>
      <c r="C175" s="12"/>
      <c r="D175" s="15" t="s">
        <v>133</v>
      </c>
      <c r="E175" s="16">
        <v>88</v>
      </c>
      <c r="F175" s="16">
        <v>3342</v>
      </c>
      <c r="G175" s="16">
        <v>70</v>
      </c>
      <c r="H175" s="16">
        <v>2656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18</v>
      </c>
      <c r="P175" s="16">
        <v>686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13</v>
      </c>
      <c r="F177" s="19">
        <v>1290</v>
      </c>
      <c r="G177" s="19">
        <v>11</v>
      </c>
      <c r="H177" s="19">
        <v>1079</v>
      </c>
      <c r="I177" s="19">
        <v>0</v>
      </c>
      <c r="J177" s="19">
        <v>0</v>
      </c>
      <c r="K177" s="19">
        <v>0</v>
      </c>
      <c r="L177" s="19">
        <v>0</v>
      </c>
      <c r="M177" s="19">
        <v>0</v>
      </c>
      <c r="N177" s="19">
        <v>0</v>
      </c>
      <c r="O177" s="19">
        <v>2</v>
      </c>
      <c r="P177" s="19">
        <v>211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741</v>
      </c>
      <c r="F178" s="21">
        <v>135632</v>
      </c>
      <c r="G178" s="21">
        <v>1197</v>
      </c>
      <c r="H178" s="21">
        <v>97295</v>
      </c>
      <c r="I178" s="21">
        <v>0</v>
      </c>
      <c r="J178" s="21">
        <v>0</v>
      </c>
      <c r="K178" s="21">
        <v>64</v>
      </c>
      <c r="L178" s="21">
        <v>6773</v>
      </c>
      <c r="M178" s="21">
        <v>424</v>
      </c>
      <c r="N178" s="21">
        <v>26566</v>
      </c>
      <c r="O178" s="21">
        <v>56</v>
      </c>
      <c r="P178" s="21">
        <v>4998</v>
      </c>
    </row>
    <row r="179" spans="2:16" ht="12.95" customHeight="1" x14ac:dyDescent="0.15">
      <c r="B179" s="12"/>
      <c r="C179" s="12"/>
      <c r="D179" s="15" t="s">
        <v>132</v>
      </c>
      <c r="E179" s="16">
        <v>387</v>
      </c>
      <c r="F179" s="16">
        <v>44026</v>
      </c>
      <c r="G179" s="16">
        <v>327</v>
      </c>
      <c r="H179" s="16">
        <v>37387</v>
      </c>
      <c r="I179" s="16">
        <v>0</v>
      </c>
      <c r="J179" s="16">
        <v>0</v>
      </c>
      <c r="K179" s="16">
        <v>34</v>
      </c>
      <c r="L179" s="16">
        <v>3705</v>
      </c>
      <c r="M179" s="16">
        <v>0</v>
      </c>
      <c r="N179" s="16">
        <v>0</v>
      </c>
      <c r="O179" s="16">
        <v>26</v>
      </c>
      <c r="P179" s="16">
        <v>2934</v>
      </c>
    </row>
    <row r="180" spans="2:16" ht="12.95" customHeight="1" x14ac:dyDescent="0.15">
      <c r="B180" s="12"/>
      <c r="C180" s="12"/>
      <c r="D180" s="15" t="s">
        <v>133</v>
      </c>
      <c r="E180" s="16">
        <v>870</v>
      </c>
      <c r="F180" s="16">
        <v>45243</v>
      </c>
      <c r="G180" s="16">
        <v>422</v>
      </c>
      <c r="H180" s="16">
        <v>17264</v>
      </c>
      <c r="I180" s="16">
        <v>0</v>
      </c>
      <c r="J180" s="16">
        <v>0</v>
      </c>
      <c r="K180" s="16">
        <v>0</v>
      </c>
      <c r="L180" s="16">
        <v>0</v>
      </c>
      <c r="M180" s="16">
        <v>424</v>
      </c>
      <c r="N180" s="16">
        <v>26566</v>
      </c>
      <c r="O180" s="16">
        <v>24</v>
      </c>
      <c r="P180" s="16">
        <v>1413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484</v>
      </c>
      <c r="F182" s="19">
        <v>46363</v>
      </c>
      <c r="G182" s="19">
        <v>448</v>
      </c>
      <c r="H182" s="19">
        <v>42644</v>
      </c>
      <c r="I182" s="19">
        <v>0</v>
      </c>
      <c r="J182" s="19">
        <v>0</v>
      </c>
      <c r="K182" s="19">
        <v>30</v>
      </c>
      <c r="L182" s="19">
        <v>3068</v>
      </c>
      <c r="M182" s="19">
        <v>0</v>
      </c>
      <c r="N182" s="19">
        <v>0</v>
      </c>
      <c r="O182" s="19">
        <v>6</v>
      </c>
      <c r="P182" s="19">
        <v>651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58</v>
      </c>
      <c r="F183" s="21">
        <v>11857</v>
      </c>
      <c r="G183" s="21">
        <v>146</v>
      </c>
      <c r="H183" s="21">
        <v>10508</v>
      </c>
      <c r="I183" s="21">
        <v>0</v>
      </c>
      <c r="J183" s="21">
        <v>0</v>
      </c>
      <c r="K183" s="21">
        <v>8</v>
      </c>
      <c r="L183" s="21">
        <v>843</v>
      </c>
      <c r="M183" s="21">
        <v>0</v>
      </c>
      <c r="N183" s="21">
        <v>0</v>
      </c>
      <c r="O183" s="21">
        <v>4</v>
      </c>
      <c r="P183" s="21">
        <v>506</v>
      </c>
    </row>
    <row r="184" spans="2:16" ht="12.95" customHeight="1" x14ac:dyDescent="0.15">
      <c r="B184" s="12"/>
      <c r="C184" s="12"/>
      <c r="D184" s="15" t="s">
        <v>132</v>
      </c>
      <c r="E184" s="16">
        <v>55</v>
      </c>
      <c r="F184" s="16">
        <v>6080</v>
      </c>
      <c r="G184" s="16">
        <v>45</v>
      </c>
      <c r="H184" s="16">
        <v>4922</v>
      </c>
      <c r="I184" s="16">
        <v>0</v>
      </c>
      <c r="J184" s="16">
        <v>0</v>
      </c>
      <c r="K184" s="16">
        <v>6</v>
      </c>
      <c r="L184" s="16">
        <v>652</v>
      </c>
      <c r="M184" s="16">
        <v>0</v>
      </c>
      <c r="N184" s="16">
        <v>0</v>
      </c>
      <c r="O184" s="16">
        <v>4</v>
      </c>
      <c r="P184" s="16">
        <v>506</v>
      </c>
    </row>
    <row r="185" spans="2:16" ht="12.95" customHeight="1" x14ac:dyDescent="0.15">
      <c r="B185" s="12"/>
      <c r="C185" s="12"/>
      <c r="D185" s="15" t="s">
        <v>133</v>
      </c>
      <c r="E185" s="16">
        <v>65</v>
      </c>
      <c r="F185" s="16">
        <v>1549</v>
      </c>
      <c r="G185" s="16">
        <v>65</v>
      </c>
      <c r="H185" s="16">
        <v>1549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38</v>
      </c>
      <c r="F187" s="19">
        <v>4228</v>
      </c>
      <c r="G187" s="19">
        <v>36</v>
      </c>
      <c r="H187" s="19">
        <v>4037</v>
      </c>
      <c r="I187" s="19">
        <v>0</v>
      </c>
      <c r="J187" s="19">
        <v>0</v>
      </c>
      <c r="K187" s="19">
        <v>2</v>
      </c>
      <c r="L187" s="19">
        <v>191</v>
      </c>
      <c r="M187" s="19">
        <v>0</v>
      </c>
      <c r="N187" s="19">
        <v>0</v>
      </c>
      <c r="O187" s="19">
        <v>0</v>
      </c>
      <c r="P187" s="19">
        <v>0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07</v>
      </c>
      <c r="F188" s="21">
        <v>9354</v>
      </c>
      <c r="G188" s="21">
        <v>98</v>
      </c>
      <c r="H188" s="21">
        <v>8428</v>
      </c>
      <c r="I188" s="21">
        <v>0</v>
      </c>
      <c r="J188" s="21">
        <v>0</v>
      </c>
      <c r="K188" s="21">
        <v>7</v>
      </c>
      <c r="L188" s="21">
        <v>721</v>
      </c>
      <c r="M188" s="21">
        <v>0</v>
      </c>
      <c r="N188" s="21">
        <v>0</v>
      </c>
      <c r="O188" s="21">
        <v>2</v>
      </c>
      <c r="P188" s="21">
        <v>205</v>
      </c>
    </row>
    <row r="189" spans="2:16" ht="12.95" customHeight="1" x14ac:dyDescent="0.15">
      <c r="B189" s="12"/>
      <c r="C189" s="12"/>
      <c r="D189" s="15" t="s">
        <v>132</v>
      </c>
      <c r="E189" s="16">
        <v>41</v>
      </c>
      <c r="F189" s="16">
        <v>4662</v>
      </c>
      <c r="G189" s="16">
        <v>35</v>
      </c>
      <c r="H189" s="16">
        <v>4025</v>
      </c>
      <c r="I189" s="16">
        <v>0</v>
      </c>
      <c r="J189" s="16">
        <v>0</v>
      </c>
      <c r="K189" s="16">
        <v>4</v>
      </c>
      <c r="L189" s="16">
        <v>432</v>
      </c>
      <c r="M189" s="16">
        <v>0</v>
      </c>
      <c r="N189" s="16">
        <v>0</v>
      </c>
      <c r="O189" s="16">
        <v>2</v>
      </c>
      <c r="P189" s="16">
        <v>205</v>
      </c>
    </row>
    <row r="190" spans="2:16" ht="12.95" customHeight="1" x14ac:dyDescent="0.15">
      <c r="B190" s="12"/>
      <c r="C190" s="12"/>
      <c r="D190" s="15" t="s">
        <v>133</v>
      </c>
      <c r="E190" s="16">
        <v>27</v>
      </c>
      <c r="F190" s="16">
        <v>858</v>
      </c>
      <c r="G190" s="16">
        <v>27</v>
      </c>
      <c r="H190" s="16">
        <v>858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39</v>
      </c>
      <c r="F192" s="19">
        <v>3834</v>
      </c>
      <c r="G192" s="19">
        <v>36</v>
      </c>
      <c r="H192" s="19">
        <v>3545</v>
      </c>
      <c r="I192" s="19">
        <v>0</v>
      </c>
      <c r="J192" s="19">
        <v>0</v>
      </c>
      <c r="K192" s="19">
        <v>3</v>
      </c>
      <c r="L192" s="19">
        <v>289</v>
      </c>
      <c r="M192" s="19">
        <v>0</v>
      </c>
      <c r="N192" s="19">
        <v>0</v>
      </c>
      <c r="O192" s="19">
        <v>0</v>
      </c>
      <c r="P192" s="19">
        <v>0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51</v>
      </c>
      <c r="F193" s="21">
        <v>5001</v>
      </c>
      <c r="G193" s="21">
        <v>45</v>
      </c>
      <c r="H193" s="21">
        <v>4422</v>
      </c>
      <c r="I193" s="21">
        <v>0</v>
      </c>
      <c r="J193" s="21">
        <v>0</v>
      </c>
      <c r="K193" s="21">
        <v>3</v>
      </c>
      <c r="L193" s="21">
        <v>332</v>
      </c>
      <c r="M193" s="21">
        <v>0</v>
      </c>
      <c r="N193" s="21">
        <v>0</v>
      </c>
      <c r="O193" s="21">
        <v>3</v>
      </c>
      <c r="P193" s="21">
        <v>247</v>
      </c>
    </row>
    <row r="194" spans="2:16" ht="12.95" customHeight="1" x14ac:dyDescent="0.15">
      <c r="B194" s="12"/>
      <c r="C194" s="12"/>
      <c r="D194" s="15" t="s">
        <v>132</v>
      </c>
      <c r="E194" s="16">
        <v>24</v>
      </c>
      <c r="F194" s="16">
        <v>2917</v>
      </c>
      <c r="G194" s="16">
        <v>21</v>
      </c>
      <c r="H194" s="16">
        <v>2612</v>
      </c>
      <c r="I194" s="16">
        <v>0</v>
      </c>
      <c r="J194" s="16">
        <v>0</v>
      </c>
      <c r="K194" s="16">
        <v>1</v>
      </c>
      <c r="L194" s="16">
        <v>123</v>
      </c>
      <c r="M194" s="16">
        <v>0</v>
      </c>
      <c r="N194" s="16">
        <v>0</v>
      </c>
      <c r="O194" s="16">
        <v>2</v>
      </c>
      <c r="P194" s="16">
        <v>182</v>
      </c>
    </row>
    <row r="195" spans="2:16" ht="12.95" customHeight="1" x14ac:dyDescent="0.15">
      <c r="B195" s="12"/>
      <c r="C195" s="12"/>
      <c r="D195" s="15" t="s">
        <v>133</v>
      </c>
      <c r="E195" s="16">
        <v>10</v>
      </c>
      <c r="F195" s="16">
        <v>377</v>
      </c>
      <c r="G195" s="16">
        <v>9</v>
      </c>
      <c r="H195" s="16">
        <v>312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1</v>
      </c>
      <c r="P195" s="16">
        <v>65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17</v>
      </c>
      <c r="F197" s="19">
        <v>1707</v>
      </c>
      <c r="G197" s="19">
        <v>15</v>
      </c>
      <c r="H197" s="19">
        <v>1498</v>
      </c>
      <c r="I197" s="19">
        <v>0</v>
      </c>
      <c r="J197" s="19">
        <v>0</v>
      </c>
      <c r="K197" s="19">
        <v>2</v>
      </c>
      <c r="L197" s="19">
        <v>209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373</v>
      </c>
      <c r="F198" s="21">
        <v>30954</v>
      </c>
      <c r="G198" s="21">
        <v>366</v>
      </c>
      <c r="H198" s="21">
        <v>30192</v>
      </c>
      <c r="I198" s="21">
        <v>0</v>
      </c>
      <c r="J198" s="21">
        <v>0</v>
      </c>
      <c r="K198" s="21">
        <v>4</v>
      </c>
      <c r="L198" s="21">
        <v>391</v>
      </c>
      <c r="M198" s="21">
        <v>0</v>
      </c>
      <c r="N198" s="21">
        <v>0</v>
      </c>
      <c r="O198" s="21">
        <v>3</v>
      </c>
      <c r="P198" s="21">
        <v>371</v>
      </c>
    </row>
    <row r="199" spans="2:16" ht="12.95" customHeight="1" x14ac:dyDescent="0.15">
      <c r="B199" s="12"/>
      <c r="C199" s="12"/>
      <c r="D199" s="15" t="s">
        <v>132</v>
      </c>
      <c r="E199" s="16">
        <v>48</v>
      </c>
      <c r="F199" s="16">
        <v>5505</v>
      </c>
      <c r="G199" s="16">
        <v>44</v>
      </c>
      <c r="H199" s="16">
        <v>5061</v>
      </c>
      <c r="I199" s="16">
        <v>0</v>
      </c>
      <c r="J199" s="16">
        <v>0</v>
      </c>
      <c r="K199" s="16">
        <v>3</v>
      </c>
      <c r="L199" s="16">
        <v>297</v>
      </c>
      <c r="M199" s="16">
        <v>0</v>
      </c>
      <c r="N199" s="16">
        <v>0</v>
      </c>
      <c r="O199" s="16">
        <v>1</v>
      </c>
      <c r="P199" s="16">
        <v>147</v>
      </c>
    </row>
    <row r="200" spans="2:16" ht="12.95" customHeight="1" x14ac:dyDescent="0.15">
      <c r="B200" s="12"/>
      <c r="C200" s="12"/>
      <c r="D200" s="15" t="s">
        <v>133</v>
      </c>
      <c r="E200" s="16">
        <v>83</v>
      </c>
      <c r="F200" s="16">
        <v>3577</v>
      </c>
      <c r="G200" s="16">
        <v>82</v>
      </c>
      <c r="H200" s="16">
        <v>3476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1</v>
      </c>
      <c r="P200" s="16">
        <v>101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242</v>
      </c>
      <c r="F202" s="19">
        <v>21872</v>
      </c>
      <c r="G202" s="19">
        <v>240</v>
      </c>
      <c r="H202" s="19">
        <v>21655</v>
      </c>
      <c r="I202" s="19">
        <v>0</v>
      </c>
      <c r="J202" s="19">
        <v>0</v>
      </c>
      <c r="K202" s="19">
        <v>1</v>
      </c>
      <c r="L202" s="19">
        <v>94</v>
      </c>
      <c r="M202" s="19">
        <v>0</v>
      </c>
      <c r="N202" s="19">
        <v>0</v>
      </c>
      <c r="O202" s="19">
        <v>1</v>
      </c>
      <c r="P202" s="19">
        <v>123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53</v>
      </c>
      <c r="F203" s="21">
        <v>5750</v>
      </c>
      <c r="G203" s="21">
        <v>37</v>
      </c>
      <c r="H203" s="21">
        <v>4173</v>
      </c>
      <c r="I203" s="21">
        <v>0</v>
      </c>
      <c r="J203" s="21">
        <v>0</v>
      </c>
      <c r="K203" s="21">
        <v>9</v>
      </c>
      <c r="L203" s="21">
        <v>930</v>
      </c>
      <c r="M203" s="21">
        <v>0</v>
      </c>
      <c r="N203" s="21">
        <v>0</v>
      </c>
      <c r="O203" s="21">
        <v>7</v>
      </c>
      <c r="P203" s="21">
        <v>647</v>
      </c>
    </row>
    <row r="204" spans="2:16" ht="12.95" customHeight="1" x14ac:dyDescent="0.15">
      <c r="B204" s="12"/>
      <c r="C204" s="12"/>
      <c r="D204" s="15" t="s">
        <v>132</v>
      </c>
      <c r="E204" s="16">
        <v>32</v>
      </c>
      <c r="F204" s="16">
        <v>3665</v>
      </c>
      <c r="G204" s="16">
        <v>24</v>
      </c>
      <c r="H204" s="16">
        <v>2958</v>
      </c>
      <c r="I204" s="16">
        <v>0</v>
      </c>
      <c r="J204" s="16">
        <v>0</v>
      </c>
      <c r="K204" s="16">
        <v>3</v>
      </c>
      <c r="L204" s="16">
        <v>293</v>
      </c>
      <c r="M204" s="16">
        <v>0</v>
      </c>
      <c r="N204" s="16">
        <v>0</v>
      </c>
      <c r="O204" s="16">
        <v>5</v>
      </c>
      <c r="P204" s="16">
        <v>414</v>
      </c>
    </row>
    <row r="205" spans="2:16" ht="12.95" customHeight="1" x14ac:dyDescent="0.15">
      <c r="B205" s="12"/>
      <c r="C205" s="12"/>
      <c r="D205" s="15" t="s">
        <v>133</v>
      </c>
      <c r="E205" s="16">
        <v>2</v>
      </c>
      <c r="F205" s="16">
        <v>92</v>
      </c>
      <c r="G205" s="16">
        <v>2</v>
      </c>
      <c r="H205" s="16">
        <v>92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19</v>
      </c>
      <c r="F207" s="19">
        <v>1993</v>
      </c>
      <c r="G207" s="19">
        <v>11</v>
      </c>
      <c r="H207" s="19">
        <v>1123</v>
      </c>
      <c r="I207" s="19">
        <v>0</v>
      </c>
      <c r="J207" s="19">
        <v>0</v>
      </c>
      <c r="K207" s="19">
        <v>6</v>
      </c>
      <c r="L207" s="19">
        <v>637</v>
      </c>
      <c r="M207" s="19">
        <v>0</v>
      </c>
      <c r="N207" s="19">
        <v>0</v>
      </c>
      <c r="O207" s="19">
        <v>2</v>
      </c>
      <c r="P207" s="19">
        <v>233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496</v>
      </c>
      <c r="F208" s="21">
        <v>33244</v>
      </c>
      <c r="G208" s="21">
        <v>63</v>
      </c>
      <c r="H208" s="21">
        <v>5956</v>
      </c>
      <c r="I208" s="21">
        <v>0</v>
      </c>
      <c r="J208" s="21">
        <v>0</v>
      </c>
      <c r="K208" s="21">
        <v>0</v>
      </c>
      <c r="L208" s="21">
        <v>0</v>
      </c>
      <c r="M208" s="21">
        <v>424</v>
      </c>
      <c r="N208" s="21">
        <v>26566</v>
      </c>
      <c r="O208" s="21">
        <v>9</v>
      </c>
      <c r="P208" s="21">
        <v>722</v>
      </c>
    </row>
    <row r="209" spans="2:16" ht="12.95" customHeight="1" x14ac:dyDescent="0.15">
      <c r="B209" s="12"/>
      <c r="C209" s="12"/>
      <c r="D209" s="15" t="s">
        <v>132</v>
      </c>
      <c r="E209" s="16">
        <v>28</v>
      </c>
      <c r="F209" s="16">
        <v>3143</v>
      </c>
      <c r="G209" s="16">
        <v>26</v>
      </c>
      <c r="H209" s="16">
        <v>2904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2</v>
      </c>
      <c r="P209" s="16">
        <v>239</v>
      </c>
    </row>
    <row r="210" spans="2:16" ht="12.95" customHeight="1" x14ac:dyDescent="0.15">
      <c r="B210" s="12"/>
      <c r="C210" s="12"/>
      <c r="D210" s="15" t="s">
        <v>133</v>
      </c>
      <c r="E210" s="16">
        <v>440</v>
      </c>
      <c r="F210" s="16">
        <v>27342</v>
      </c>
      <c r="G210" s="16">
        <v>10</v>
      </c>
      <c r="H210" s="16">
        <v>395</v>
      </c>
      <c r="I210" s="16">
        <v>0</v>
      </c>
      <c r="J210" s="16">
        <v>0</v>
      </c>
      <c r="K210" s="16">
        <v>0</v>
      </c>
      <c r="L210" s="16">
        <v>0</v>
      </c>
      <c r="M210" s="16">
        <v>424</v>
      </c>
      <c r="N210" s="16">
        <v>26566</v>
      </c>
      <c r="O210" s="16">
        <v>6</v>
      </c>
      <c r="P210" s="16">
        <v>381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28</v>
      </c>
      <c r="F212" s="19">
        <v>2759</v>
      </c>
      <c r="G212" s="19">
        <v>27</v>
      </c>
      <c r="H212" s="19">
        <v>2657</v>
      </c>
      <c r="I212" s="19">
        <v>0</v>
      </c>
      <c r="J212" s="19">
        <v>0</v>
      </c>
      <c r="K212" s="19">
        <v>0</v>
      </c>
      <c r="L212" s="19">
        <v>0</v>
      </c>
      <c r="M212" s="19">
        <v>0</v>
      </c>
      <c r="N212" s="19">
        <v>0</v>
      </c>
      <c r="O212" s="19">
        <v>1</v>
      </c>
      <c r="P212" s="19">
        <v>102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45</v>
      </c>
      <c r="F213" s="21">
        <v>3241</v>
      </c>
      <c r="G213" s="21">
        <v>44</v>
      </c>
      <c r="H213" s="21">
        <v>3146</v>
      </c>
      <c r="I213" s="21">
        <v>0</v>
      </c>
      <c r="J213" s="21">
        <v>0</v>
      </c>
      <c r="K213" s="21">
        <v>1</v>
      </c>
      <c r="L213" s="21">
        <v>95</v>
      </c>
      <c r="M213" s="21">
        <v>0</v>
      </c>
      <c r="N213" s="21">
        <v>0</v>
      </c>
      <c r="O213" s="21">
        <v>0</v>
      </c>
      <c r="P213" s="21">
        <v>0</v>
      </c>
    </row>
    <row r="214" spans="2:16" ht="12.95" customHeight="1" x14ac:dyDescent="0.15">
      <c r="B214" s="12"/>
      <c r="C214" s="12"/>
      <c r="D214" s="15" t="s">
        <v>132</v>
      </c>
      <c r="E214" s="16">
        <v>10</v>
      </c>
      <c r="F214" s="16">
        <v>1076</v>
      </c>
      <c r="G214" s="16">
        <v>9</v>
      </c>
      <c r="H214" s="16">
        <v>981</v>
      </c>
      <c r="I214" s="16">
        <v>0</v>
      </c>
      <c r="J214" s="16">
        <v>0</v>
      </c>
      <c r="K214" s="16">
        <v>1</v>
      </c>
      <c r="L214" s="16">
        <v>95</v>
      </c>
      <c r="M214" s="16">
        <v>0</v>
      </c>
      <c r="N214" s="16">
        <v>0</v>
      </c>
      <c r="O214" s="16">
        <v>0</v>
      </c>
      <c r="P214" s="16">
        <v>0</v>
      </c>
    </row>
    <row r="215" spans="2:16" ht="12.95" customHeight="1" x14ac:dyDescent="0.15">
      <c r="B215" s="12"/>
      <c r="C215" s="12"/>
      <c r="D215" s="15" t="s">
        <v>133</v>
      </c>
      <c r="E215" s="16">
        <v>29</v>
      </c>
      <c r="F215" s="16">
        <v>1549</v>
      </c>
      <c r="G215" s="16">
        <v>29</v>
      </c>
      <c r="H215" s="16">
        <v>1549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6</v>
      </c>
      <c r="F217" s="19">
        <v>616</v>
      </c>
      <c r="G217" s="19">
        <v>6</v>
      </c>
      <c r="H217" s="19">
        <v>616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6</v>
      </c>
      <c r="F218" s="21">
        <v>664</v>
      </c>
      <c r="G218" s="21">
        <v>6</v>
      </c>
      <c r="H218" s="21">
        <v>664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6</v>
      </c>
      <c r="F219" s="16">
        <v>664</v>
      </c>
      <c r="G219" s="16">
        <v>6</v>
      </c>
      <c r="H219" s="16">
        <v>664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51</v>
      </c>
      <c r="F223" s="21">
        <v>4338</v>
      </c>
      <c r="G223" s="21">
        <v>50</v>
      </c>
      <c r="H223" s="21">
        <v>4239</v>
      </c>
      <c r="I223" s="21">
        <v>0</v>
      </c>
      <c r="J223" s="21">
        <v>0</v>
      </c>
      <c r="K223" s="21">
        <v>1</v>
      </c>
      <c r="L223" s="21">
        <v>99</v>
      </c>
      <c r="M223" s="21">
        <v>0</v>
      </c>
      <c r="N223" s="21">
        <v>0</v>
      </c>
      <c r="O223" s="21">
        <v>0</v>
      </c>
      <c r="P223" s="21">
        <v>0</v>
      </c>
    </row>
    <row r="224" spans="2:16" ht="12.95" customHeight="1" x14ac:dyDescent="0.15">
      <c r="B224" s="12"/>
      <c r="C224" s="12"/>
      <c r="D224" s="15" t="s">
        <v>132</v>
      </c>
      <c r="E224" s="16">
        <v>21</v>
      </c>
      <c r="F224" s="16">
        <v>2623</v>
      </c>
      <c r="G224" s="16">
        <v>21</v>
      </c>
      <c r="H224" s="16">
        <v>2623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</row>
    <row r="225" spans="2:16" ht="12.95" customHeight="1" x14ac:dyDescent="0.15">
      <c r="B225" s="12"/>
      <c r="C225" s="12"/>
      <c r="D225" s="15" t="s">
        <v>133</v>
      </c>
      <c r="E225" s="16">
        <v>21</v>
      </c>
      <c r="F225" s="16">
        <v>811</v>
      </c>
      <c r="G225" s="16">
        <v>21</v>
      </c>
      <c r="H225" s="16">
        <v>811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9</v>
      </c>
      <c r="F227" s="19">
        <v>904</v>
      </c>
      <c r="G227" s="19">
        <v>8</v>
      </c>
      <c r="H227" s="19">
        <v>805</v>
      </c>
      <c r="I227" s="19">
        <v>0</v>
      </c>
      <c r="J227" s="19">
        <v>0</v>
      </c>
      <c r="K227" s="19">
        <v>1</v>
      </c>
      <c r="L227" s="19">
        <v>99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113</v>
      </c>
      <c r="F228" s="21">
        <v>7118</v>
      </c>
      <c r="G228" s="21">
        <v>102</v>
      </c>
      <c r="H228" s="21">
        <v>6245</v>
      </c>
      <c r="I228" s="21">
        <v>0</v>
      </c>
      <c r="J228" s="21">
        <v>0</v>
      </c>
      <c r="K228" s="21">
        <v>2</v>
      </c>
      <c r="L228" s="21">
        <v>263</v>
      </c>
      <c r="M228" s="21">
        <v>0</v>
      </c>
      <c r="N228" s="21">
        <v>0</v>
      </c>
      <c r="O228" s="21">
        <v>9</v>
      </c>
      <c r="P228" s="21">
        <v>610</v>
      </c>
    </row>
    <row r="229" spans="2:16" ht="12.95" customHeight="1" x14ac:dyDescent="0.15">
      <c r="B229" s="12"/>
      <c r="C229" s="12"/>
      <c r="D229" s="15" t="s">
        <v>132</v>
      </c>
      <c r="E229" s="16">
        <v>24</v>
      </c>
      <c r="F229" s="16">
        <v>2736</v>
      </c>
      <c r="G229" s="16">
        <v>21</v>
      </c>
      <c r="H229" s="16">
        <v>2321</v>
      </c>
      <c r="I229" s="16">
        <v>0</v>
      </c>
      <c r="J229" s="16">
        <v>0</v>
      </c>
      <c r="K229" s="16">
        <v>2</v>
      </c>
      <c r="L229" s="16">
        <v>263</v>
      </c>
      <c r="M229" s="16">
        <v>0</v>
      </c>
      <c r="N229" s="16">
        <v>0</v>
      </c>
      <c r="O229" s="16">
        <v>1</v>
      </c>
      <c r="P229" s="16">
        <v>152</v>
      </c>
    </row>
    <row r="230" spans="2:16" ht="12.95" customHeight="1" x14ac:dyDescent="0.15">
      <c r="B230" s="12"/>
      <c r="C230" s="12"/>
      <c r="D230" s="15" t="s">
        <v>133</v>
      </c>
      <c r="E230" s="16">
        <v>78</v>
      </c>
      <c r="F230" s="16">
        <v>3274</v>
      </c>
      <c r="G230" s="16">
        <v>70</v>
      </c>
      <c r="H230" s="16">
        <v>2816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8</v>
      </c>
      <c r="P230" s="16">
        <v>458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11</v>
      </c>
      <c r="F232" s="19">
        <v>1108</v>
      </c>
      <c r="G232" s="19">
        <v>11</v>
      </c>
      <c r="H232" s="19">
        <v>1108</v>
      </c>
      <c r="I232" s="19">
        <v>0</v>
      </c>
      <c r="J232" s="19">
        <v>0</v>
      </c>
      <c r="K232" s="19">
        <v>0</v>
      </c>
      <c r="L232" s="19">
        <v>0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35</v>
      </c>
      <c r="F233" s="21">
        <v>3320</v>
      </c>
      <c r="G233" s="21">
        <v>33</v>
      </c>
      <c r="H233" s="21">
        <v>3148</v>
      </c>
      <c r="I233" s="21">
        <v>0</v>
      </c>
      <c r="J233" s="21">
        <v>0</v>
      </c>
      <c r="K233" s="21">
        <v>1</v>
      </c>
      <c r="L233" s="21">
        <v>72</v>
      </c>
      <c r="M233" s="21">
        <v>0</v>
      </c>
      <c r="N233" s="21">
        <v>0</v>
      </c>
      <c r="O233" s="21">
        <v>1</v>
      </c>
      <c r="P233" s="21">
        <v>100</v>
      </c>
    </row>
    <row r="234" spans="2:16" ht="12.95" customHeight="1" x14ac:dyDescent="0.15">
      <c r="B234" s="12"/>
      <c r="C234" s="12"/>
      <c r="D234" s="15" t="s">
        <v>132</v>
      </c>
      <c r="E234" s="16">
        <v>13</v>
      </c>
      <c r="F234" s="16">
        <v>1467</v>
      </c>
      <c r="G234" s="16">
        <v>11</v>
      </c>
      <c r="H234" s="16">
        <v>1295</v>
      </c>
      <c r="I234" s="16">
        <v>0</v>
      </c>
      <c r="J234" s="16">
        <v>0</v>
      </c>
      <c r="K234" s="16">
        <v>1</v>
      </c>
      <c r="L234" s="16">
        <v>72</v>
      </c>
      <c r="M234" s="16">
        <v>0</v>
      </c>
      <c r="N234" s="16">
        <v>0</v>
      </c>
      <c r="O234" s="16">
        <v>1</v>
      </c>
      <c r="P234" s="16">
        <v>100</v>
      </c>
    </row>
    <row r="235" spans="2:16" ht="12.95" customHeight="1" x14ac:dyDescent="0.15">
      <c r="B235" s="12"/>
      <c r="C235" s="12"/>
      <c r="D235" s="15" t="s">
        <v>133</v>
      </c>
      <c r="E235" s="16">
        <v>9</v>
      </c>
      <c r="F235" s="16">
        <v>678</v>
      </c>
      <c r="G235" s="16">
        <v>9</v>
      </c>
      <c r="H235" s="16">
        <v>678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13</v>
      </c>
      <c r="F237" s="19">
        <v>1175</v>
      </c>
      <c r="G237" s="19">
        <v>13</v>
      </c>
      <c r="H237" s="19">
        <v>1175</v>
      </c>
      <c r="I237" s="19">
        <v>0</v>
      </c>
      <c r="J237" s="19">
        <v>0</v>
      </c>
      <c r="K237" s="19">
        <v>0</v>
      </c>
      <c r="L237" s="19">
        <v>0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37</v>
      </c>
      <c r="F238" s="21">
        <v>2782</v>
      </c>
      <c r="G238" s="21">
        <v>28</v>
      </c>
      <c r="H238" s="21">
        <v>2087</v>
      </c>
      <c r="I238" s="21">
        <v>0</v>
      </c>
      <c r="J238" s="21">
        <v>0</v>
      </c>
      <c r="K238" s="21">
        <v>3</v>
      </c>
      <c r="L238" s="21">
        <v>339</v>
      </c>
      <c r="M238" s="21">
        <v>0</v>
      </c>
      <c r="N238" s="21">
        <v>0</v>
      </c>
      <c r="O238" s="21">
        <v>6</v>
      </c>
      <c r="P238" s="21">
        <v>356</v>
      </c>
    </row>
    <row r="239" spans="2:16" ht="12.95" customHeight="1" x14ac:dyDescent="0.15">
      <c r="B239" s="12"/>
      <c r="C239" s="12"/>
      <c r="D239" s="15" t="s">
        <v>132</v>
      </c>
      <c r="E239" s="16">
        <v>11</v>
      </c>
      <c r="F239" s="16">
        <v>1044</v>
      </c>
      <c r="G239" s="16">
        <v>10</v>
      </c>
      <c r="H239" s="16">
        <v>924</v>
      </c>
      <c r="I239" s="16">
        <v>0</v>
      </c>
      <c r="J239" s="16">
        <v>0</v>
      </c>
      <c r="K239" s="16">
        <v>1</v>
      </c>
      <c r="L239" s="16">
        <v>120</v>
      </c>
      <c r="M239" s="16">
        <v>0</v>
      </c>
      <c r="N239" s="16">
        <v>0</v>
      </c>
      <c r="O239" s="16">
        <v>0</v>
      </c>
      <c r="P239" s="16">
        <v>0</v>
      </c>
    </row>
    <row r="240" spans="2:16" ht="12.95" customHeight="1" x14ac:dyDescent="0.15">
      <c r="B240" s="12"/>
      <c r="C240" s="12"/>
      <c r="D240" s="15" t="s">
        <v>133</v>
      </c>
      <c r="E240" s="16">
        <v>18</v>
      </c>
      <c r="F240" s="16">
        <v>931</v>
      </c>
      <c r="G240" s="16">
        <v>12</v>
      </c>
      <c r="H240" s="16">
        <v>575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6</v>
      </c>
      <c r="P240" s="16">
        <v>356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8</v>
      </c>
      <c r="F242" s="19">
        <v>807</v>
      </c>
      <c r="G242" s="19">
        <v>6</v>
      </c>
      <c r="H242" s="19">
        <v>588</v>
      </c>
      <c r="I242" s="19">
        <v>0</v>
      </c>
      <c r="J242" s="19">
        <v>0</v>
      </c>
      <c r="K242" s="19">
        <v>2</v>
      </c>
      <c r="L242" s="19">
        <v>219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97</v>
      </c>
      <c r="F243" s="21">
        <v>7007</v>
      </c>
      <c r="G243" s="21">
        <v>87</v>
      </c>
      <c r="H243" s="21">
        <v>5942</v>
      </c>
      <c r="I243" s="21">
        <v>0</v>
      </c>
      <c r="J243" s="21">
        <v>0</v>
      </c>
      <c r="K243" s="21">
        <v>6</v>
      </c>
      <c r="L243" s="21">
        <v>662</v>
      </c>
      <c r="M243" s="21">
        <v>0</v>
      </c>
      <c r="N243" s="21">
        <v>0</v>
      </c>
      <c r="O243" s="21">
        <v>4</v>
      </c>
      <c r="P243" s="21">
        <v>403</v>
      </c>
    </row>
    <row r="244" spans="2:16" ht="12.95" customHeight="1" x14ac:dyDescent="0.15">
      <c r="B244" s="12"/>
      <c r="C244" s="12"/>
      <c r="D244" s="15" t="s">
        <v>132</v>
      </c>
      <c r="E244" s="16">
        <v>27</v>
      </c>
      <c r="F244" s="16">
        <v>3122</v>
      </c>
      <c r="G244" s="16">
        <v>18</v>
      </c>
      <c r="H244" s="16">
        <v>2180</v>
      </c>
      <c r="I244" s="16">
        <v>0</v>
      </c>
      <c r="J244" s="16">
        <v>0</v>
      </c>
      <c r="K244" s="16">
        <v>5</v>
      </c>
      <c r="L244" s="16">
        <v>539</v>
      </c>
      <c r="M244" s="16">
        <v>0</v>
      </c>
      <c r="N244" s="16">
        <v>0</v>
      </c>
      <c r="O244" s="16">
        <v>4</v>
      </c>
      <c r="P244" s="16">
        <v>403</v>
      </c>
    </row>
    <row r="245" spans="2:16" ht="12.95" customHeight="1" x14ac:dyDescent="0.15">
      <c r="B245" s="12"/>
      <c r="C245" s="12"/>
      <c r="D245" s="15" t="s">
        <v>133</v>
      </c>
      <c r="E245" s="16">
        <v>61</v>
      </c>
      <c r="F245" s="16">
        <v>2979</v>
      </c>
      <c r="G245" s="16">
        <v>61</v>
      </c>
      <c r="H245" s="16">
        <v>2979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9</v>
      </c>
      <c r="F247" s="19">
        <v>906</v>
      </c>
      <c r="G247" s="19">
        <v>8</v>
      </c>
      <c r="H247" s="19">
        <v>783</v>
      </c>
      <c r="I247" s="19">
        <v>0</v>
      </c>
      <c r="J247" s="19">
        <v>0</v>
      </c>
      <c r="K247" s="19">
        <v>1</v>
      </c>
      <c r="L247" s="19">
        <v>123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59</v>
      </c>
      <c r="F248" s="21">
        <v>4689</v>
      </c>
      <c r="G248" s="21">
        <v>49</v>
      </c>
      <c r="H248" s="21">
        <v>3683</v>
      </c>
      <c r="I248" s="21">
        <v>0</v>
      </c>
      <c r="J248" s="21">
        <v>0</v>
      </c>
      <c r="K248" s="21">
        <v>4</v>
      </c>
      <c r="L248" s="21">
        <v>480</v>
      </c>
      <c r="M248" s="21">
        <v>0</v>
      </c>
      <c r="N248" s="21">
        <v>0</v>
      </c>
      <c r="O248" s="21">
        <v>6</v>
      </c>
      <c r="P248" s="21">
        <v>526</v>
      </c>
    </row>
    <row r="249" spans="2:16" ht="12.95" customHeight="1" x14ac:dyDescent="0.15">
      <c r="B249" s="12"/>
      <c r="C249" s="12"/>
      <c r="D249" s="15" t="s">
        <v>132</v>
      </c>
      <c r="E249" s="16">
        <v>18</v>
      </c>
      <c r="F249" s="16">
        <v>2021</v>
      </c>
      <c r="G249" s="16">
        <v>12</v>
      </c>
      <c r="H249" s="16">
        <v>1260</v>
      </c>
      <c r="I249" s="16">
        <v>0</v>
      </c>
      <c r="J249" s="16">
        <v>0</v>
      </c>
      <c r="K249" s="16">
        <v>4</v>
      </c>
      <c r="L249" s="16">
        <v>480</v>
      </c>
      <c r="M249" s="16">
        <v>0</v>
      </c>
      <c r="N249" s="16">
        <v>0</v>
      </c>
      <c r="O249" s="16">
        <v>2</v>
      </c>
      <c r="P249" s="16">
        <v>281</v>
      </c>
    </row>
    <row r="250" spans="2:16" ht="12.95" customHeight="1" x14ac:dyDescent="0.15">
      <c r="B250" s="12"/>
      <c r="C250" s="12"/>
      <c r="D250" s="15" t="s">
        <v>133</v>
      </c>
      <c r="E250" s="16">
        <v>25</v>
      </c>
      <c r="F250" s="16">
        <v>1062</v>
      </c>
      <c r="G250" s="16">
        <v>23</v>
      </c>
      <c r="H250" s="16">
        <v>101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2</v>
      </c>
      <c r="P250" s="16">
        <v>52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16</v>
      </c>
      <c r="F252" s="19">
        <v>1606</v>
      </c>
      <c r="G252" s="19">
        <v>14</v>
      </c>
      <c r="H252" s="19">
        <v>1413</v>
      </c>
      <c r="I252" s="19">
        <v>0</v>
      </c>
      <c r="J252" s="19">
        <v>0</v>
      </c>
      <c r="K252" s="19">
        <v>0</v>
      </c>
      <c r="L252" s="19">
        <v>0</v>
      </c>
      <c r="M252" s="19">
        <v>0</v>
      </c>
      <c r="N252" s="19">
        <v>0</v>
      </c>
      <c r="O252" s="19">
        <v>2</v>
      </c>
      <c r="P252" s="19">
        <v>193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25</v>
      </c>
      <c r="F253" s="21">
        <v>2642</v>
      </c>
      <c r="G253" s="21">
        <v>18</v>
      </c>
      <c r="H253" s="21">
        <v>1812</v>
      </c>
      <c r="I253" s="21">
        <v>0</v>
      </c>
      <c r="J253" s="21">
        <v>0</v>
      </c>
      <c r="K253" s="21">
        <v>5</v>
      </c>
      <c r="L253" s="21">
        <v>525</v>
      </c>
      <c r="M253" s="21">
        <v>0</v>
      </c>
      <c r="N253" s="21">
        <v>0</v>
      </c>
      <c r="O253" s="21">
        <v>2</v>
      </c>
      <c r="P253" s="21">
        <v>305</v>
      </c>
    </row>
    <row r="254" spans="2:16" ht="12.95" customHeight="1" x14ac:dyDescent="0.15">
      <c r="B254" s="12"/>
      <c r="C254" s="12"/>
      <c r="D254" s="15" t="s">
        <v>132</v>
      </c>
      <c r="E254" s="16">
        <v>9</v>
      </c>
      <c r="F254" s="16">
        <v>1067</v>
      </c>
      <c r="G254" s="16">
        <v>6</v>
      </c>
      <c r="H254" s="16">
        <v>655</v>
      </c>
      <c r="I254" s="16">
        <v>0</v>
      </c>
      <c r="J254" s="16">
        <v>0</v>
      </c>
      <c r="K254" s="16">
        <v>1</v>
      </c>
      <c r="L254" s="16">
        <v>107</v>
      </c>
      <c r="M254" s="16">
        <v>0</v>
      </c>
      <c r="N254" s="16">
        <v>0</v>
      </c>
      <c r="O254" s="16">
        <v>2</v>
      </c>
      <c r="P254" s="16">
        <v>305</v>
      </c>
    </row>
    <row r="255" spans="2:16" ht="12.95" customHeight="1" x14ac:dyDescent="0.15">
      <c r="B255" s="12"/>
      <c r="C255" s="12"/>
      <c r="D255" s="15" t="s">
        <v>133</v>
      </c>
      <c r="E255" s="16">
        <v>2</v>
      </c>
      <c r="F255" s="16">
        <v>164</v>
      </c>
      <c r="G255" s="16">
        <v>2</v>
      </c>
      <c r="H255" s="16">
        <v>164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14</v>
      </c>
      <c r="F257" s="19">
        <v>1411</v>
      </c>
      <c r="G257" s="19">
        <v>10</v>
      </c>
      <c r="H257" s="19">
        <v>993</v>
      </c>
      <c r="I257" s="19">
        <v>0</v>
      </c>
      <c r="J257" s="19">
        <v>0</v>
      </c>
      <c r="K257" s="19">
        <v>4</v>
      </c>
      <c r="L257" s="19">
        <v>418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35</v>
      </c>
      <c r="F258" s="21">
        <v>3671</v>
      </c>
      <c r="G258" s="21">
        <v>25</v>
      </c>
      <c r="H258" s="21">
        <v>2650</v>
      </c>
      <c r="I258" s="21">
        <v>0</v>
      </c>
      <c r="J258" s="21">
        <v>0</v>
      </c>
      <c r="K258" s="21">
        <v>10</v>
      </c>
      <c r="L258" s="21">
        <v>1021</v>
      </c>
      <c r="M258" s="21">
        <v>0</v>
      </c>
      <c r="N258" s="21">
        <v>0</v>
      </c>
      <c r="O258" s="21">
        <v>0</v>
      </c>
      <c r="P258" s="21">
        <v>0</v>
      </c>
    </row>
    <row r="259" spans="2:16" ht="12.95" customHeight="1" x14ac:dyDescent="0.15">
      <c r="B259" s="12"/>
      <c r="C259" s="12"/>
      <c r="D259" s="15" t="s">
        <v>132</v>
      </c>
      <c r="E259" s="16">
        <v>20</v>
      </c>
      <c r="F259" s="16">
        <v>2234</v>
      </c>
      <c r="G259" s="16">
        <v>18</v>
      </c>
      <c r="H259" s="16">
        <v>2002</v>
      </c>
      <c r="I259" s="16">
        <v>0</v>
      </c>
      <c r="J259" s="16">
        <v>0</v>
      </c>
      <c r="K259" s="16">
        <v>2</v>
      </c>
      <c r="L259" s="16">
        <v>232</v>
      </c>
      <c r="M259" s="16">
        <v>0</v>
      </c>
      <c r="N259" s="16">
        <v>0</v>
      </c>
      <c r="O259" s="16">
        <v>0</v>
      </c>
      <c r="P259" s="16">
        <v>0</v>
      </c>
    </row>
    <row r="260" spans="2:16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5</v>
      </c>
      <c r="F262" s="19">
        <v>1437</v>
      </c>
      <c r="G262" s="19">
        <v>7</v>
      </c>
      <c r="H262" s="19">
        <v>648</v>
      </c>
      <c r="I262" s="19">
        <v>0</v>
      </c>
      <c r="J262" s="19">
        <v>0</v>
      </c>
      <c r="K262" s="19">
        <v>8</v>
      </c>
      <c r="L262" s="19">
        <v>789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9</v>
      </c>
      <c r="F263" s="21">
        <v>1388</v>
      </c>
      <c r="G263" s="21">
        <v>8</v>
      </c>
      <c r="H263" s="21">
        <v>1207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1</v>
      </c>
      <c r="P263" s="21">
        <v>181</v>
      </c>
    </row>
    <row r="264" spans="2:16" ht="12.95" customHeight="1" x14ac:dyDescent="0.15">
      <c r="B264" s="12"/>
      <c r="C264" s="12"/>
      <c r="D264" s="15" t="s">
        <v>132</v>
      </c>
      <c r="E264" s="16">
        <v>9</v>
      </c>
      <c r="F264" s="16">
        <v>1388</v>
      </c>
      <c r="G264" s="16">
        <v>8</v>
      </c>
      <c r="H264" s="16">
        <v>1207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1</v>
      </c>
      <c r="P264" s="16">
        <v>181</v>
      </c>
    </row>
    <row r="265" spans="2:16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9</v>
      </c>
      <c r="F268" s="21">
        <v>1388</v>
      </c>
      <c r="G268" s="21">
        <v>8</v>
      </c>
      <c r="H268" s="21">
        <v>1207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1</v>
      </c>
      <c r="P268" s="21">
        <v>181</v>
      </c>
    </row>
    <row r="269" spans="2:16" ht="12.95" customHeight="1" x14ac:dyDescent="0.15">
      <c r="B269" s="12"/>
      <c r="C269" s="12"/>
      <c r="D269" s="15" t="s">
        <v>132</v>
      </c>
      <c r="E269" s="16">
        <v>9</v>
      </c>
      <c r="F269" s="16">
        <v>1388</v>
      </c>
      <c r="G269" s="16">
        <v>8</v>
      </c>
      <c r="H269" s="16">
        <v>1207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1</v>
      </c>
      <c r="P269" s="16">
        <v>181</v>
      </c>
    </row>
    <row r="270" spans="2:16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0</v>
      </c>
      <c r="F272" s="19">
        <v>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21</v>
      </c>
      <c r="F273" s="21">
        <v>2217</v>
      </c>
      <c r="G273" s="21">
        <v>13</v>
      </c>
      <c r="H273" s="21">
        <v>1355</v>
      </c>
      <c r="I273" s="21">
        <v>0</v>
      </c>
      <c r="J273" s="21">
        <v>0</v>
      </c>
      <c r="K273" s="21">
        <v>0</v>
      </c>
      <c r="L273" s="21">
        <v>0</v>
      </c>
      <c r="M273" s="21">
        <v>0</v>
      </c>
      <c r="N273" s="21">
        <v>0</v>
      </c>
      <c r="O273" s="21">
        <v>8</v>
      </c>
      <c r="P273" s="21">
        <v>862</v>
      </c>
    </row>
    <row r="274" spans="2:16" ht="12.95" customHeight="1" x14ac:dyDescent="0.15">
      <c r="B274" s="12"/>
      <c r="C274" s="12"/>
      <c r="D274" s="15" t="s">
        <v>132</v>
      </c>
      <c r="E274" s="16">
        <v>11</v>
      </c>
      <c r="F274" s="16">
        <v>1191</v>
      </c>
      <c r="G274" s="16">
        <v>10</v>
      </c>
      <c r="H274" s="16">
        <v>1063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1</v>
      </c>
      <c r="P274" s="16">
        <v>128</v>
      </c>
    </row>
    <row r="275" spans="2:16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10</v>
      </c>
      <c r="F277" s="19">
        <v>1026</v>
      </c>
      <c r="G277" s="19">
        <v>3</v>
      </c>
      <c r="H277" s="19">
        <v>292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7</v>
      </c>
      <c r="P277" s="19">
        <v>734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21</v>
      </c>
      <c r="F278" s="21">
        <v>2217</v>
      </c>
      <c r="G278" s="21">
        <v>13</v>
      </c>
      <c r="H278" s="21">
        <v>1355</v>
      </c>
      <c r="I278" s="21">
        <v>0</v>
      </c>
      <c r="J278" s="21">
        <v>0</v>
      </c>
      <c r="K278" s="21">
        <v>0</v>
      </c>
      <c r="L278" s="21">
        <v>0</v>
      </c>
      <c r="M278" s="21">
        <v>0</v>
      </c>
      <c r="N278" s="21">
        <v>0</v>
      </c>
      <c r="O278" s="21">
        <v>8</v>
      </c>
      <c r="P278" s="21">
        <v>862</v>
      </c>
    </row>
    <row r="279" spans="2:16" ht="12.95" customHeight="1" x14ac:dyDescent="0.15">
      <c r="B279" s="12"/>
      <c r="C279" s="12"/>
      <c r="D279" s="15" t="s">
        <v>132</v>
      </c>
      <c r="E279" s="16">
        <v>11</v>
      </c>
      <c r="F279" s="16">
        <v>1191</v>
      </c>
      <c r="G279" s="16">
        <v>10</v>
      </c>
      <c r="H279" s="16">
        <v>1063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1</v>
      </c>
      <c r="P279" s="16">
        <v>128</v>
      </c>
    </row>
    <row r="280" spans="2:16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10</v>
      </c>
      <c r="F282" s="19">
        <v>1026</v>
      </c>
      <c r="G282" s="19">
        <v>3</v>
      </c>
      <c r="H282" s="19">
        <v>292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7</v>
      </c>
      <c r="P282" s="19">
        <v>734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18</v>
      </c>
      <c r="F283" s="21">
        <v>1908</v>
      </c>
      <c r="G283" s="21">
        <v>17</v>
      </c>
      <c r="H283" s="21">
        <v>1809</v>
      </c>
      <c r="I283" s="21">
        <v>0</v>
      </c>
      <c r="J283" s="21">
        <v>0</v>
      </c>
      <c r="K283" s="21">
        <v>0</v>
      </c>
      <c r="L283" s="21">
        <v>0</v>
      </c>
      <c r="M283" s="21">
        <v>0</v>
      </c>
      <c r="N283" s="21">
        <v>0</v>
      </c>
      <c r="O283" s="21">
        <v>1</v>
      </c>
      <c r="P283" s="21">
        <v>99</v>
      </c>
    </row>
    <row r="284" spans="2:16" ht="12.95" customHeight="1" x14ac:dyDescent="0.15">
      <c r="B284" s="12"/>
      <c r="C284" s="12"/>
      <c r="D284" s="15" t="s">
        <v>132</v>
      </c>
      <c r="E284" s="16">
        <v>15</v>
      </c>
      <c r="F284" s="16">
        <v>1671</v>
      </c>
      <c r="G284" s="16">
        <v>15</v>
      </c>
      <c r="H284" s="16">
        <v>1671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</row>
    <row r="285" spans="2:16" ht="12.95" customHeight="1" x14ac:dyDescent="0.15">
      <c r="B285" s="12"/>
      <c r="C285" s="12"/>
      <c r="D285" s="15" t="s">
        <v>133</v>
      </c>
      <c r="E285" s="16">
        <v>2</v>
      </c>
      <c r="F285" s="16">
        <v>138</v>
      </c>
      <c r="G285" s="16">
        <v>2</v>
      </c>
      <c r="H285" s="16">
        <v>138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1</v>
      </c>
      <c r="F287" s="19">
        <v>99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1</v>
      </c>
      <c r="P287" s="19">
        <v>99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0</v>
      </c>
      <c r="F288" s="21">
        <v>957</v>
      </c>
      <c r="G288" s="21">
        <v>9</v>
      </c>
      <c r="H288" s="21">
        <v>858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1</v>
      </c>
      <c r="P288" s="21">
        <v>99</v>
      </c>
    </row>
    <row r="289" spans="2:16" ht="12.95" customHeight="1" x14ac:dyDescent="0.15">
      <c r="B289" s="12"/>
      <c r="C289" s="12"/>
      <c r="D289" s="15" t="s">
        <v>132</v>
      </c>
      <c r="E289" s="16">
        <v>7</v>
      </c>
      <c r="F289" s="16">
        <v>720</v>
      </c>
      <c r="G289" s="16">
        <v>7</v>
      </c>
      <c r="H289" s="16">
        <v>72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</row>
    <row r="290" spans="2:16" ht="12.95" customHeight="1" x14ac:dyDescent="0.15">
      <c r="B290" s="12"/>
      <c r="C290" s="12"/>
      <c r="D290" s="15" t="s">
        <v>133</v>
      </c>
      <c r="E290" s="16">
        <v>2</v>
      </c>
      <c r="F290" s="16">
        <v>138</v>
      </c>
      <c r="G290" s="16">
        <v>2</v>
      </c>
      <c r="H290" s="16">
        <v>138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1</v>
      </c>
      <c r="F292" s="19">
        <v>99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1</v>
      </c>
      <c r="P292" s="19">
        <v>99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8</v>
      </c>
      <c r="F293" s="21">
        <v>951</v>
      </c>
      <c r="G293" s="21">
        <v>8</v>
      </c>
      <c r="H293" s="21">
        <v>951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8</v>
      </c>
      <c r="F294" s="16">
        <v>951</v>
      </c>
      <c r="G294" s="16">
        <v>8</v>
      </c>
      <c r="H294" s="16">
        <v>951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33</v>
      </c>
      <c r="F298" s="21">
        <v>3028</v>
      </c>
      <c r="G298" s="21">
        <v>9</v>
      </c>
      <c r="H298" s="21">
        <v>905</v>
      </c>
      <c r="I298" s="21">
        <v>0</v>
      </c>
      <c r="J298" s="21">
        <v>0</v>
      </c>
      <c r="K298" s="21">
        <v>9</v>
      </c>
      <c r="L298" s="21">
        <v>992</v>
      </c>
      <c r="M298" s="21">
        <v>0</v>
      </c>
      <c r="N298" s="21">
        <v>0</v>
      </c>
      <c r="O298" s="21">
        <v>15</v>
      </c>
      <c r="P298" s="21">
        <v>1131</v>
      </c>
    </row>
    <row r="299" spans="2:16" ht="12.95" customHeight="1" x14ac:dyDescent="0.15">
      <c r="B299" s="12"/>
      <c r="C299" s="12"/>
      <c r="D299" s="15" t="s">
        <v>132</v>
      </c>
      <c r="E299" s="16">
        <v>14</v>
      </c>
      <c r="F299" s="16">
        <v>1472</v>
      </c>
      <c r="G299" s="16">
        <v>8</v>
      </c>
      <c r="H299" s="16">
        <v>801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6</v>
      </c>
      <c r="P299" s="16">
        <v>671</v>
      </c>
    </row>
    <row r="300" spans="2:16" ht="12.95" customHeight="1" x14ac:dyDescent="0.15">
      <c r="B300" s="12"/>
      <c r="C300" s="12"/>
      <c r="D300" s="15" t="s">
        <v>133</v>
      </c>
      <c r="E300" s="16">
        <v>9</v>
      </c>
      <c r="F300" s="16">
        <v>460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9</v>
      </c>
      <c r="P300" s="16">
        <v>46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10</v>
      </c>
      <c r="F302" s="19">
        <v>1096</v>
      </c>
      <c r="G302" s="19">
        <v>1</v>
      </c>
      <c r="H302" s="19">
        <v>104</v>
      </c>
      <c r="I302" s="19">
        <v>0</v>
      </c>
      <c r="J302" s="19">
        <v>0</v>
      </c>
      <c r="K302" s="19">
        <v>9</v>
      </c>
      <c r="L302" s="19">
        <v>992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3</v>
      </c>
      <c r="F303" s="21">
        <v>314</v>
      </c>
      <c r="G303" s="21">
        <v>1</v>
      </c>
      <c r="H303" s="21">
        <v>116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2</v>
      </c>
      <c r="P303" s="21">
        <v>198</v>
      </c>
    </row>
    <row r="304" spans="2:16" ht="12.95" customHeight="1" x14ac:dyDescent="0.15">
      <c r="B304" s="12"/>
      <c r="C304" s="12"/>
      <c r="D304" s="15" t="s">
        <v>132</v>
      </c>
      <c r="E304" s="16">
        <v>3</v>
      </c>
      <c r="F304" s="16">
        <v>314</v>
      </c>
      <c r="G304" s="16">
        <v>1</v>
      </c>
      <c r="H304" s="16">
        <v>116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2</v>
      </c>
      <c r="P304" s="16">
        <v>198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14</v>
      </c>
      <c r="F308" s="21">
        <v>1565</v>
      </c>
      <c r="G308" s="21">
        <v>3</v>
      </c>
      <c r="H308" s="21">
        <v>324</v>
      </c>
      <c r="I308" s="21">
        <v>0</v>
      </c>
      <c r="J308" s="21">
        <v>0</v>
      </c>
      <c r="K308" s="21">
        <v>9</v>
      </c>
      <c r="L308" s="21">
        <v>992</v>
      </c>
      <c r="M308" s="21">
        <v>0</v>
      </c>
      <c r="N308" s="21">
        <v>0</v>
      </c>
      <c r="O308" s="21">
        <v>2</v>
      </c>
      <c r="P308" s="21">
        <v>249</v>
      </c>
    </row>
    <row r="309" spans="2:16" ht="12.95" customHeight="1" x14ac:dyDescent="0.15">
      <c r="B309" s="12"/>
      <c r="C309" s="12"/>
      <c r="D309" s="15" t="s">
        <v>132</v>
      </c>
      <c r="E309" s="16">
        <v>4</v>
      </c>
      <c r="F309" s="16">
        <v>469</v>
      </c>
      <c r="G309" s="16">
        <v>2</v>
      </c>
      <c r="H309" s="16">
        <v>22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2</v>
      </c>
      <c r="P309" s="16">
        <v>249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10</v>
      </c>
      <c r="F312" s="19">
        <v>1096</v>
      </c>
      <c r="G312" s="19">
        <v>1</v>
      </c>
      <c r="H312" s="19">
        <v>104</v>
      </c>
      <c r="I312" s="19">
        <v>0</v>
      </c>
      <c r="J312" s="19">
        <v>0</v>
      </c>
      <c r="K312" s="19">
        <v>9</v>
      </c>
      <c r="L312" s="19">
        <v>992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1</v>
      </c>
      <c r="F313" s="21">
        <v>96</v>
      </c>
      <c r="G313" s="21">
        <v>1</v>
      </c>
      <c r="H313" s="21">
        <v>96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1</v>
      </c>
      <c r="F314" s="16">
        <v>96</v>
      </c>
      <c r="G314" s="16">
        <v>1</v>
      </c>
      <c r="H314" s="16">
        <v>96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187</v>
      </c>
      <c r="G318" s="21">
        <v>1</v>
      </c>
      <c r="H318" s="21">
        <v>88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1</v>
      </c>
      <c r="P318" s="21">
        <v>99</v>
      </c>
    </row>
    <row r="319" spans="2:16" ht="12.95" customHeight="1" x14ac:dyDescent="0.15">
      <c r="B319" s="12"/>
      <c r="C319" s="12"/>
      <c r="D319" s="15" t="s">
        <v>132</v>
      </c>
      <c r="E319" s="16">
        <v>2</v>
      </c>
      <c r="F319" s="16">
        <v>187</v>
      </c>
      <c r="G319" s="16">
        <v>1</v>
      </c>
      <c r="H319" s="16">
        <v>88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1</v>
      </c>
      <c r="P319" s="16">
        <v>99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13</v>
      </c>
      <c r="F323" s="21">
        <v>866</v>
      </c>
      <c r="G323" s="21">
        <v>3</v>
      </c>
      <c r="H323" s="21">
        <v>281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10</v>
      </c>
      <c r="P323" s="21">
        <v>585</v>
      </c>
    </row>
    <row r="324" spans="2:16" ht="12.95" customHeight="1" x14ac:dyDescent="0.15">
      <c r="B324" s="12"/>
      <c r="C324" s="12"/>
      <c r="D324" s="15" t="s">
        <v>132</v>
      </c>
      <c r="E324" s="16">
        <v>4</v>
      </c>
      <c r="F324" s="16">
        <v>406</v>
      </c>
      <c r="G324" s="16">
        <v>3</v>
      </c>
      <c r="H324" s="16">
        <v>281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1</v>
      </c>
      <c r="P324" s="16">
        <v>125</v>
      </c>
    </row>
    <row r="325" spans="2:16" ht="12.95" customHeight="1" x14ac:dyDescent="0.15">
      <c r="B325" s="12"/>
      <c r="C325" s="12"/>
      <c r="D325" s="15" t="s">
        <v>133</v>
      </c>
      <c r="E325" s="16">
        <v>9</v>
      </c>
      <c r="F325" s="16">
        <v>46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9</v>
      </c>
      <c r="P325" s="16">
        <v>46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25</v>
      </c>
      <c r="F328" s="21">
        <v>1281</v>
      </c>
      <c r="G328" s="21">
        <v>25</v>
      </c>
      <c r="H328" s="21">
        <v>1281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0</v>
      </c>
      <c r="P328" s="21">
        <v>0</v>
      </c>
    </row>
    <row r="329" spans="2:16" ht="12.95" customHeight="1" x14ac:dyDescent="0.15">
      <c r="B329" s="12"/>
      <c r="C329" s="12"/>
      <c r="D329" s="15" t="s">
        <v>132</v>
      </c>
      <c r="E329" s="16">
        <v>4</v>
      </c>
      <c r="F329" s="16">
        <v>358</v>
      </c>
      <c r="G329" s="16">
        <v>4</v>
      </c>
      <c r="H329" s="16">
        <v>358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2"/>
      <c r="C330" s="12"/>
      <c r="D330" s="15" t="s">
        <v>133</v>
      </c>
      <c r="E330" s="16">
        <v>16</v>
      </c>
      <c r="F330" s="16">
        <v>316</v>
      </c>
      <c r="G330" s="16">
        <v>16</v>
      </c>
      <c r="H330" s="16">
        <v>316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5</v>
      </c>
      <c r="F332" s="19">
        <v>607</v>
      </c>
      <c r="G332" s="19">
        <v>5</v>
      </c>
      <c r="H332" s="19">
        <v>607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22</v>
      </c>
      <c r="F333" s="21">
        <v>1002</v>
      </c>
      <c r="G333" s="21">
        <v>22</v>
      </c>
      <c r="H333" s="21">
        <v>1002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</row>
    <row r="334" spans="2:16" ht="12.95" customHeight="1" x14ac:dyDescent="0.15">
      <c r="B334" s="12"/>
      <c r="C334" s="12"/>
      <c r="D334" s="15" t="s">
        <v>132</v>
      </c>
      <c r="E334" s="16">
        <v>1</v>
      </c>
      <c r="F334" s="16">
        <v>79</v>
      </c>
      <c r="G334" s="16">
        <v>1</v>
      </c>
      <c r="H334" s="16">
        <v>79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16</v>
      </c>
      <c r="F335" s="16">
        <v>316</v>
      </c>
      <c r="G335" s="16">
        <v>16</v>
      </c>
      <c r="H335" s="16">
        <v>316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5</v>
      </c>
      <c r="F337" s="19">
        <v>607</v>
      </c>
      <c r="G337" s="19">
        <v>5</v>
      </c>
      <c r="H337" s="19">
        <v>607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161</v>
      </c>
      <c r="G338" s="21">
        <v>2</v>
      </c>
      <c r="H338" s="21">
        <v>161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2</v>
      </c>
      <c r="F339" s="16">
        <v>161</v>
      </c>
      <c r="G339" s="16">
        <v>2</v>
      </c>
      <c r="H339" s="16">
        <v>161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1</v>
      </c>
      <c r="F343" s="21">
        <v>118</v>
      </c>
      <c r="G343" s="21">
        <v>1</v>
      </c>
      <c r="H343" s="21">
        <v>118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1</v>
      </c>
      <c r="F344" s="16">
        <v>118</v>
      </c>
      <c r="G344" s="16">
        <v>1</v>
      </c>
      <c r="H344" s="16">
        <v>118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5</v>
      </c>
      <c r="F348" s="21">
        <v>530</v>
      </c>
      <c r="G348" s="21">
        <v>3</v>
      </c>
      <c r="H348" s="21">
        <v>332</v>
      </c>
      <c r="I348" s="21">
        <v>0</v>
      </c>
      <c r="J348" s="21">
        <v>0</v>
      </c>
      <c r="K348" s="21">
        <v>2</v>
      </c>
      <c r="L348" s="21">
        <v>198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3</v>
      </c>
      <c r="F349" s="16">
        <v>332</v>
      </c>
      <c r="G349" s="16">
        <v>3</v>
      </c>
      <c r="H349" s="16">
        <v>332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2</v>
      </c>
      <c r="F352" s="19">
        <v>198</v>
      </c>
      <c r="G352" s="19">
        <v>0</v>
      </c>
      <c r="H352" s="19">
        <v>0</v>
      </c>
      <c r="I352" s="19">
        <v>0</v>
      </c>
      <c r="J352" s="19">
        <v>0</v>
      </c>
      <c r="K352" s="19">
        <v>2</v>
      </c>
      <c r="L352" s="19">
        <v>198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5</v>
      </c>
      <c r="F353" s="21">
        <v>530</v>
      </c>
      <c r="G353" s="21">
        <v>3</v>
      </c>
      <c r="H353" s="21">
        <v>332</v>
      </c>
      <c r="I353" s="21">
        <v>0</v>
      </c>
      <c r="J353" s="21">
        <v>0</v>
      </c>
      <c r="K353" s="21">
        <v>2</v>
      </c>
      <c r="L353" s="21">
        <v>198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3</v>
      </c>
      <c r="F354" s="16">
        <v>332</v>
      </c>
      <c r="G354" s="16">
        <v>3</v>
      </c>
      <c r="H354" s="16">
        <v>332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2</v>
      </c>
      <c r="F357" s="19">
        <v>198</v>
      </c>
      <c r="G357" s="19">
        <v>0</v>
      </c>
      <c r="H357" s="19">
        <v>0</v>
      </c>
      <c r="I357" s="19">
        <v>0</v>
      </c>
      <c r="J357" s="19">
        <v>0</v>
      </c>
      <c r="K357" s="19">
        <v>2</v>
      </c>
      <c r="L357" s="19">
        <v>198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5552</v>
      </c>
      <c r="G8" s="24">
        <v>392601</v>
      </c>
      <c r="H8" s="24">
        <v>2635</v>
      </c>
      <c r="I8" s="24">
        <v>208551</v>
      </c>
      <c r="J8" s="24">
        <v>2917</v>
      </c>
      <c r="K8" s="24">
        <v>184050</v>
      </c>
      <c r="L8" s="24">
        <v>101</v>
      </c>
      <c r="M8" s="24">
        <v>5055</v>
      </c>
      <c r="N8" s="24">
        <v>1865</v>
      </c>
      <c r="O8" s="24">
        <v>122999</v>
      </c>
      <c r="P8" s="24">
        <v>946</v>
      </c>
      <c r="Q8" s="24">
        <v>55505</v>
      </c>
      <c r="R8" s="24">
        <v>0</v>
      </c>
      <c r="S8" s="24">
        <v>0</v>
      </c>
      <c r="T8" s="24">
        <v>5</v>
      </c>
      <c r="U8" s="24">
        <v>491</v>
      </c>
    </row>
    <row r="9" spans="2:21" ht="12.95" customHeight="1" x14ac:dyDescent="0.15">
      <c r="B9" s="12"/>
      <c r="C9" s="12"/>
      <c r="D9" s="25"/>
      <c r="E9" s="25" t="s">
        <v>138</v>
      </c>
      <c r="F9" s="26">
        <v>1913</v>
      </c>
      <c r="G9" s="26">
        <v>204215</v>
      </c>
      <c r="H9" s="26">
        <v>1736</v>
      </c>
      <c r="I9" s="26">
        <v>182184</v>
      </c>
      <c r="J9" s="26">
        <v>177</v>
      </c>
      <c r="K9" s="26">
        <v>22031</v>
      </c>
      <c r="L9" s="26">
        <v>1</v>
      </c>
      <c r="M9" s="26">
        <v>101</v>
      </c>
      <c r="N9" s="26">
        <v>28</v>
      </c>
      <c r="O9" s="26">
        <v>2273</v>
      </c>
      <c r="P9" s="26">
        <v>143</v>
      </c>
      <c r="Q9" s="26">
        <v>19166</v>
      </c>
      <c r="R9" s="26">
        <v>0</v>
      </c>
      <c r="S9" s="26">
        <v>0</v>
      </c>
      <c r="T9" s="26">
        <v>5</v>
      </c>
      <c r="U9" s="26">
        <v>491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59</v>
      </c>
      <c r="G10" s="16">
        <v>3312</v>
      </c>
      <c r="H10" s="16">
        <v>29</v>
      </c>
      <c r="I10" s="16">
        <v>1712</v>
      </c>
      <c r="J10" s="16">
        <v>30</v>
      </c>
      <c r="K10" s="16">
        <v>1600</v>
      </c>
      <c r="L10" s="16">
        <v>0</v>
      </c>
      <c r="M10" s="16">
        <v>0</v>
      </c>
      <c r="N10" s="16">
        <v>0</v>
      </c>
      <c r="O10" s="16">
        <v>0</v>
      </c>
      <c r="P10" s="16">
        <v>30</v>
      </c>
      <c r="Q10" s="16">
        <v>1600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3580</v>
      </c>
      <c r="G11" s="19">
        <v>185074</v>
      </c>
      <c r="H11" s="19">
        <v>870</v>
      </c>
      <c r="I11" s="19">
        <v>24655</v>
      </c>
      <c r="J11" s="19">
        <v>2710</v>
      </c>
      <c r="K11" s="19">
        <v>160419</v>
      </c>
      <c r="L11" s="19">
        <v>100</v>
      </c>
      <c r="M11" s="19">
        <v>4954</v>
      </c>
      <c r="N11" s="19">
        <v>1837</v>
      </c>
      <c r="O11" s="19">
        <v>120726</v>
      </c>
      <c r="P11" s="19">
        <v>773</v>
      </c>
      <c r="Q11" s="19">
        <v>34739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916</v>
      </c>
      <c r="G12" s="21">
        <v>105740</v>
      </c>
      <c r="H12" s="21">
        <v>770</v>
      </c>
      <c r="I12" s="21">
        <v>85864</v>
      </c>
      <c r="J12" s="21">
        <v>146</v>
      </c>
      <c r="K12" s="21">
        <v>19876</v>
      </c>
      <c r="L12" s="21">
        <v>0</v>
      </c>
      <c r="M12" s="21">
        <v>0</v>
      </c>
      <c r="N12" s="21">
        <v>7</v>
      </c>
      <c r="O12" s="21">
        <v>1315</v>
      </c>
      <c r="P12" s="21">
        <v>136</v>
      </c>
      <c r="Q12" s="21">
        <v>18321</v>
      </c>
      <c r="R12" s="21">
        <v>0</v>
      </c>
      <c r="S12" s="21">
        <v>0</v>
      </c>
      <c r="T12" s="21">
        <v>3</v>
      </c>
      <c r="U12" s="21">
        <v>240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904</v>
      </c>
      <c r="G13" s="16">
        <v>104446</v>
      </c>
      <c r="H13" s="16">
        <v>763</v>
      </c>
      <c r="I13" s="16">
        <v>85176</v>
      </c>
      <c r="J13" s="16">
        <v>141</v>
      </c>
      <c r="K13" s="16">
        <v>19270</v>
      </c>
      <c r="L13" s="16">
        <v>0</v>
      </c>
      <c r="M13" s="16">
        <v>0</v>
      </c>
      <c r="N13" s="16">
        <v>7</v>
      </c>
      <c r="O13" s="16">
        <v>1315</v>
      </c>
      <c r="P13" s="16">
        <v>131</v>
      </c>
      <c r="Q13" s="16">
        <v>17715</v>
      </c>
      <c r="R13" s="16">
        <v>0</v>
      </c>
      <c r="S13" s="16">
        <v>0</v>
      </c>
      <c r="T13" s="16">
        <v>3</v>
      </c>
      <c r="U13" s="16">
        <v>240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8</v>
      </c>
      <c r="G14" s="16">
        <v>746</v>
      </c>
      <c r="H14" s="16">
        <v>6</v>
      </c>
      <c r="I14" s="16">
        <v>516</v>
      </c>
      <c r="J14" s="16">
        <v>2</v>
      </c>
      <c r="K14" s="16">
        <v>230</v>
      </c>
      <c r="L14" s="16">
        <v>0</v>
      </c>
      <c r="M14" s="16">
        <v>0</v>
      </c>
      <c r="N14" s="16">
        <v>0</v>
      </c>
      <c r="O14" s="16">
        <v>0</v>
      </c>
      <c r="P14" s="16">
        <v>2</v>
      </c>
      <c r="Q14" s="16">
        <v>230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4</v>
      </c>
      <c r="G15" s="19">
        <v>548</v>
      </c>
      <c r="H15" s="19">
        <v>1</v>
      </c>
      <c r="I15" s="19">
        <v>172</v>
      </c>
      <c r="J15" s="19">
        <v>3</v>
      </c>
      <c r="K15" s="19">
        <v>376</v>
      </c>
      <c r="L15" s="19">
        <v>0</v>
      </c>
      <c r="M15" s="19">
        <v>0</v>
      </c>
      <c r="N15" s="19">
        <v>0</v>
      </c>
      <c r="O15" s="19">
        <v>0</v>
      </c>
      <c r="P15" s="19">
        <v>3</v>
      </c>
      <c r="Q15" s="19">
        <v>376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301</v>
      </c>
      <c r="G16" s="21">
        <v>98939</v>
      </c>
      <c r="H16" s="21">
        <v>836</v>
      </c>
      <c r="I16" s="21">
        <v>25412</v>
      </c>
      <c r="J16" s="21">
        <v>1465</v>
      </c>
      <c r="K16" s="21">
        <v>73527</v>
      </c>
      <c r="L16" s="21">
        <v>60</v>
      </c>
      <c r="M16" s="21">
        <v>3916</v>
      </c>
      <c r="N16" s="21">
        <v>610</v>
      </c>
      <c r="O16" s="21">
        <v>34339</v>
      </c>
      <c r="P16" s="21">
        <v>795</v>
      </c>
      <c r="Q16" s="21">
        <v>35272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17</v>
      </c>
      <c r="G17" s="16">
        <v>1675</v>
      </c>
      <c r="H17" s="16">
        <v>12</v>
      </c>
      <c r="I17" s="16">
        <v>1074</v>
      </c>
      <c r="J17" s="16">
        <v>5</v>
      </c>
      <c r="K17" s="16">
        <v>601</v>
      </c>
      <c r="L17" s="16">
        <v>0</v>
      </c>
      <c r="M17" s="16">
        <v>0</v>
      </c>
      <c r="N17" s="16">
        <v>2</v>
      </c>
      <c r="O17" s="16">
        <v>372</v>
      </c>
      <c r="P17" s="16">
        <v>3</v>
      </c>
      <c r="Q17" s="16">
        <v>229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51</v>
      </c>
      <c r="G18" s="16">
        <v>2566</v>
      </c>
      <c r="H18" s="16">
        <v>23</v>
      </c>
      <c r="I18" s="16">
        <v>1196</v>
      </c>
      <c r="J18" s="16">
        <v>28</v>
      </c>
      <c r="K18" s="16">
        <v>1370</v>
      </c>
      <c r="L18" s="16">
        <v>0</v>
      </c>
      <c r="M18" s="16">
        <v>0</v>
      </c>
      <c r="N18" s="16">
        <v>0</v>
      </c>
      <c r="O18" s="16">
        <v>0</v>
      </c>
      <c r="P18" s="16">
        <v>28</v>
      </c>
      <c r="Q18" s="16">
        <v>1370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233</v>
      </c>
      <c r="G19" s="19">
        <v>94698</v>
      </c>
      <c r="H19" s="19">
        <v>801</v>
      </c>
      <c r="I19" s="19">
        <v>23142</v>
      </c>
      <c r="J19" s="19">
        <v>1432</v>
      </c>
      <c r="K19" s="19">
        <v>71556</v>
      </c>
      <c r="L19" s="19">
        <v>60</v>
      </c>
      <c r="M19" s="19">
        <v>3916</v>
      </c>
      <c r="N19" s="19">
        <v>608</v>
      </c>
      <c r="O19" s="19">
        <v>33967</v>
      </c>
      <c r="P19" s="19">
        <v>764</v>
      </c>
      <c r="Q19" s="19">
        <v>33673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1</v>
      </c>
      <c r="G20" s="21">
        <v>105</v>
      </c>
      <c r="H20" s="21">
        <v>1</v>
      </c>
      <c r="I20" s="21">
        <v>105</v>
      </c>
      <c r="J20" s="21">
        <v>0</v>
      </c>
      <c r="K20" s="21">
        <v>0</v>
      </c>
      <c r="L20" s="21">
        <v>0</v>
      </c>
      <c r="M20" s="21">
        <v>0</v>
      </c>
      <c r="N20" s="21">
        <v>0</v>
      </c>
      <c r="O20" s="21">
        <v>0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1</v>
      </c>
      <c r="G21" s="16">
        <v>105</v>
      </c>
      <c r="H21" s="16">
        <v>1</v>
      </c>
      <c r="I21" s="16">
        <v>105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2334</v>
      </c>
      <c r="G24" s="21">
        <v>187817</v>
      </c>
      <c r="H24" s="21">
        <v>1028</v>
      </c>
      <c r="I24" s="21">
        <v>97170</v>
      </c>
      <c r="J24" s="21">
        <v>1306</v>
      </c>
      <c r="K24" s="21">
        <v>90647</v>
      </c>
      <c r="L24" s="21">
        <v>41</v>
      </c>
      <c r="M24" s="21">
        <v>1139</v>
      </c>
      <c r="N24" s="21">
        <v>1248</v>
      </c>
      <c r="O24" s="21">
        <v>87345</v>
      </c>
      <c r="P24" s="21">
        <v>15</v>
      </c>
      <c r="Q24" s="21">
        <v>1912</v>
      </c>
      <c r="R24" s="21">
        <v>0</v>
      </c>
      <c r="S24" s="21">
        <v>0</v>
      </c>
      <c r="T24" s="21">
        <v>2</v>
      </c>
      <c r="U24" s="21">
        <v>251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991</v>
      </c>
      <c r="G25" s="16">
        <v>97989</v>
      </c>
      <c r="H25" s="16">
        <v>960</v>
      </c>
      <c r="I25" s="16">
        <v>95829</v>
      </c>
      <c r="J25" s="16">
        <v>31</v>
      </c>
      <c r="K25" s="16">
        <v>2160</v>
      </c>
      <c r="L25" s="16">
        <v>1</v>
      </c>
      <c r="M25" s="16">
        <v>101</v>
      </c>
      <c r="N25" s="16">
        <v>19</v>
      </c>
      <c r="O25" s="16">
        <v>586</v>
      </c>
      <c r="P25" s="16">
        <v>9</v>
      </c>
      <c r="Q25" s="16">
        <v>1222</v>
      </c>
      <c r="R25" s="16">
        <v>0</v>
      </c>
      <c r="S25" s="16">
        <v>0</v>
      </c>
      <c r="T25" s="16">
        <v>2</v>
      </c>
      <c r="U25" s="16">
        <v>251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1343</v>
      </c>
      <c r="G27" s="19">
        <v>89828</v>
      </c>
      <c r="H27" s="19">
        <v>68</v>
      </c>
      <c r="I27" s="19">
        <v>1341</v>
      </c>
      <c r="J27" s="19">
        <v>1275</v>
      </c>
      <c r="K27" s="19">
        <v>88487</v>
      </c>
      <c r="L27" s="19">
        <v>40</v>
      </c>
      <c r="M27" s="19">
        <v>1038</v>
      </c>
      <c r="N27" s="19">
        <v>1229</v>
      </c>
      <c r="O27" s="19">
        <v>86759</v>
      </c>
      <c r="P27" s="19">
        <v>6</v>
      </c>
      <c r="Q27" s="19">
        <v>69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5441</v>
      </c>
      <c r="G28" s="21">
        <v>382249</v>
      </c>
      <c r="H28" s="21">
        <v>2560</v>
      </c>
      <c r="I28" s="21">
        <v>200415</v>
      </c>
      <c r="J28" s="21">
        <v>2881</v>
      </c>
      <c r="K28" s="21">
        <v>181834</v>
      </c>
      <c r="L28" s="21">
        <v>101</v>
      </c>
      <c r="M28" s="21">
        <v>5055</v>
      </c>
      <c r="N28" s="21">
        <v>1865</v>
      </c>
      <c r="O28" s="21">
        <v>122999</v>
      </c>
      <c r="P28" s="21">
        <v>910</v>
      </c>
      <c r="Q28" s="21">
        <v>53289</v>
      </c>
      <c r="R28" s="21">
        <v>0</v>
      </c>
      <c r="S28" s="21">
        <v>0</v>
      </c>
      <c r="T28" s="21">
        <v>5</v>
      </c>
      <c r="U28" s="21">
        <v>491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1834</v>
      </c>
      <c r="G29" s="16">
        <v>195384</v>
      </c>
      <c r="H29" s="16">
        <v>1663</v>
      </c>
      <c r="I29" s="16">
        <v>174186</v>
      </c>
      <c r="J29" s="16">
        <v>171</v>
      </c>
      <c r="K29" s="16">
        <v>21198</v>
      </c>
      <c r="L29" s="16">
        <v>1</v>
      </c>
      <c r="M29" s="16">
        <v>101</v>
      </c>
      <c r="N29" s="16">
        <v>28</v>
      </c>
      <c r="O29" s="16">
        <v>2273</v>
      </c>
      <c r="P29" s="16">
        <v>137</v>
      </c>
      <c r="Q29" s="16">
        <v>18333</v>
      </c>
      <c r="R29" s="16">
        <v>0</v>
      </c>
      <c r="S29" s="16">
        <v>0</v>
      </c>
      <c r="T29" s="16">
        <v>5</v>
      </c>
      <c r="U29" s="16">
        <v>491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57</v>
      </c>
      <c r="G30" s="16">
        <v>3174</v>
      </c>
      <c r="H30" s="16">
        <v>27</v>
      </c>
      <c r="I30" s="16">
        <v>1574</v>
      </c>
      <c r="J30" s="16">
        <v>30</v>
      </c>
      <c r="K30" s="16">
        <v>1600</v>
      </c>
      <c r="L30" s="16">
        <v>0</v>
      </c>
      <c r="M30" s="16">
        <v>0</v>
      </c>
      <c r="N30" s="16">
        <v>0</v>
      </c>
      <c r="O30" s="16">
        <v>0</v>
      </c>
      <c r="P30" s="16">
        <v>30</v>
      </c>
      <c r="Q30" s="16">
        <v>1600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3550</v>
      </c>
      <c r="G31" s="19">
        <v>183691</v>
      </c>
      <c r="H31" s="19">
        <v>870</v>
      </c>
      <c r="I31" s="19">
        <v>24655</v>
      </c>
      <c r="J31" s="19">
        <v>2680</v>
      </c>
      <c r="K31" s="19">
        <v>159036</v>
      </c>
      <c r="L31" s="19">
        <v>100</v>
      </c>
      <c r="M31" s="19">
        <v>4954</v>
      </c>
      <c r="N31" s="19">
        <v>1837</v>
      </c>
      <c r="O31" s="19">
        <v>120726</v>
      </c>
      <c r="P31" s="19">
        <v>743</v>
      </c>
      <c r="Q31" s="19">
        <v>33356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860</v>
      </c>
      <c r="G32" s="21">
        <v>99328</v>
      </c>
      <c r="H32" s="21">
        <v>720</v>
      </c>
      <c r="I32" s="21">
        <v>80285</v>
      </c>
      <c r="J32" s="21">
        <v>140</v>
      </c>
      <c r="K32" s="21">
        <v>19043</v>
      </c>
      <c r="L32" s="21">
        <v>0</v>
      </c>
      <c r="M32" s="21">
        <v>0</v>
      </c>
      <c r="N32" s="21">
        <v>7</v>
      </c>
      <c r="O32" s="21">
        <v>1315</v>
      </c>
      <c r="P32" s="21">
        <v>130</v>
      </c>
      <c r="Q32" s="21">
        <v>17488</v>
      </c>
      <c r="R32" s="21">
        <v>0</v>
      </c>
      <c r="S32" s="21">
        <v>0</v>
      </c>
      <c r="T32" s="21">
        <v>3</v>
      </c>
      <c r="U32" s="21">
        <v>240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848</v>
      </c>
      <c r="G33" s="16">
        <v>98034</v>
      </c>
      <c r="H33" s="16">
        <v>713</v>
      </c>
      <c r="I33" s="16">
        <v>79597</v>
      </c>
      <c r="J33" s="16">
        <v>135</v>
      </c>
      <c r="K33" s="16">
        <v>18437</v>
      </c>
      <c r="L33" s="16">
        <v>0</v>
      </c>
      <c r="M33" s="16">
        <v>0</v>
      </c>
      <c r="N33" s="16">
        <v>7</v>
      </c>
      <c r="O33" s="16">
        <v>1315</v>
      </c>
      <c r="P33" s="16">
        <v>125</v>
      </c>
      <c r="Q33" s="16">
        <v>16882</v>
      </c>
      <c r="R33" s="16">
        <v>0</v>
      </c>
      <c r="S33" s="16">
        <v>0</v>
      </c>
      <c r="T33" s="16">
        <v>3</v>
      </c>
      <c r="U33" s="16">
        <v>240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8</v>
      </c>
      <c r="G34" s="16">
        <v>746</v>
      </c>
      <c r="H34" s="16">
        <v>6</v>
      </c>
      <c r="I34" s="16">
        <v>516</v>
      </c>
      <c r="J34" s="16">
        <v>2</v>
      </c>
      <c r="K34" s="16">
        <v>230</v>
      </c>
      <c r="L34" s="16">
        <v>0</v>
      </c>
      <c r="M34" s="16">
        <v>0</v>
      </c>
      <c r="N34" s="16">
        <v>0</v>
      </c>
      <c r="O34" s="16">
        <v>0</v>
      </c>
      <c r="P34" s="16">
        <v>2</v>
      </c>
      <c r="Q34" s="16">
        <v>230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4</v>
      </c>
      <c r="G35" s="19">
        <v>548</v>
      </c>
      <c r="H35" s="19">
        <v>1</v>
      </c>
      <c r="I35" s="19">
        <v>172</v>
      </c>
      <c r="J35" s="19">
        <v>3</v>
      </c>
      <c r="K35" s="19">
        <v>376</v>
      </c>
      <c r="L35" s="19">
        <v>0</v>
      </c>
      <c r="M35" s="19">
        <v>0</v>
      </c>
      <c r="N35" s="19">
        <v>0</v>
      </c>
      <c r="O35" s="19">
        <v>0</v>
      </c>
      <c r="P35" s="19">
        <v>3</v>
      </c>
      <c r="Q35" s="19">
        <v>376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274</v>
      </c>
      <c r="G36" s="21">
        <v>98025</v>
      </c>
      <c r="H36" s="21">
        <v>834</v>
      </c>
      <c r="I36" s="21">
        <v>25274</v>
      </c>
      <c r="J36" s="21">
        <v>1440</v>
      </c>
      <c r="K36" s="21">
        <v>72751</v>
      </c>
      <c r="L36" s="21">
        <v>60</v>
      </c>
      <c r="M36" s="21">
        <v>3916</v>
      </c>
      <c r="N36" s="21">
        <v>610</v>
      </c>
      <c r="O36" s="21">
        <v>34339</v>
      </c>
      <c r="P36" s="21">
        <v>770</v>
      </c>
      <c r="Q36" s="21">
        <v>34496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17</v>
      </c>
      <c r="G37" s="16">
        <v>1675</v>
      </c>
      <c r="H37" s="16">
        <v>12</v>
      </c>
      <c r="I37" s="16">
        <v>1074</v>
      </c>
      <c r="J37" s="16">
        <v>5</v>
      </c>
      <c r="K37" s="16">
        <v>601</v>
      </c>
      <c r="L37" s="16">
        <v>0</v>
      </c>
      <c r="M37" s="16">
        <v>0</v>
      </c>
      <c r="N37" s="16">
        <v>2</v>
      </c>
      <c r="O37" s="16">
        <v>372</v>
      </c>
      <c r="P37" s="16">
        <v>3</v>
      </c>
      <c r="Q37" s="16">
        <v>229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49</v>
      </c>
      <c r="G38" s="16">
        <v>2428</v>
      </c>
      <c r="H38" s="16">
        <v>21</v>
      </c>
      <c r="I38" s="16">
        <v>1058</v>
      </c>
      <c r="J38" s="16">
        <v>28</v>
      </c>
      <c r="K38" s="16">
        <v>1370</v>
      </c>
      <c r="L38" s="16">
        <v>0</v>
      </c>
      <c r="M38" s="16">
        <v>0</v>
      </c>
      <c r="N38" s="16">
        <v>0</v>
      </c>
      <c r="O38" s="16">
        <v>0</v>
      </c>
      <c r="P38" s="16">
        <v>28</v>
      </c>
      <c r="Q38" s="16">
        <v>1370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208</v>
      </c>
      <c r="G39" s="19">
        <v>93922</v>
      </c>
      <c r="H39" s="19">
        <v>801</v>
      </c>
      <c r="I39" s="19">
        <v>23142</v>
      </c>
      <c r="J39" s="19">
        <v>1407</v>
      </c>
      <c r="K39" s="19">
        <v>70780</v>
      </c>
      <c r="L39" s="19">
        <v>60</v>
      </c>
      <c r="M39" s="19">
        <v>3916</v>
      </c>
      <c r="N39" s="19">
        <v>608</v>
      </c>
      <c r="O39" s="19">
        <v>33967</v>
      </c>
      <c r="P39" s="19">
        <v>739</v>
      </c>
      <c r="Q39" s="19">
        <v>32897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1</v>
      </c>
      <c r="G40" s="21">
        <v>105</v>
      </c>
      <c r="H40" s="21">
        <v>1</v>
      </c>
      <c r="I40" s="21">
        <v>105</v>
      </c>
      <c r="J40" s="21">
        <v>0</v>
      </c>
      <c r="K40" s="21">
        <v>0</v>
      </c>
      <c r="L40" s="21">
        <v>0</v>
      </c>
      <c r="M40" s="21">
        <v>0</v>
      </c>
      <c r="N40" s="21">
        <v>0</v>
      </c>
      <c r="O40" s="21">
        <v>0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1</v>
      </c>
      <c r="G41" s="16">
        <v>105</v>
      </c>
      <c r="H41" s="16">
        <v>1</v>
      </c>
      <c r="I41" s="16">
        <v>105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2306</v>
      </c>
      <c r="G44" s="21">
        <v>184791</v>
      </c>
      <c r="H44" s="21">
        <v>1005</v>
      </c>
      <c r="I44" s="21">
        <v>94751</v>
      </c>
      <c r="J44" s="21">
        <v>1301</v>
      </c>
      <c r="K44" s="21">
        <v>90040</v>
      </c>
      <c r="L44" s="21">
        <v>41</v>
      </c>
      <c r="M44" s="21">
        <v>1139</v>
      </c>
      <c r="N44" s="21">
        <v>1248</v>
      </c>
      <c r="O44" s="21">
        <v>87345</v>
      </c>
      <c r="P44" s="21">
        <v>10</v>
      </c>
      <c r="Q44" s="21">
        <v>1305</v>
      </c>
      <c r="R44" s="21">
        <v>0</v>
      </c>
      <c r="S44" s="21">
        <v>0</v>
      </c>
      <c r="T44" s="21">
        <v>2</v>
      </c>
      <c r="U44" s="21">
        <v>251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968</v>
      </c>
      <c r="G45" s="16">
        <v>95570</v>
      </c>
      <c r="H45" s="16">
        <v>937</v>
      </c>
      <c r="I45" s="16">
        <v>93410</v>
      </c>
      <c r="J45" s="16">
        <v>31</v>
      </c>
      <c r="K45" s="16">
        <v>2160</v>
      </c>
      <c r="L45" s="16">
        <v>1</v>
      </c>
      <c r="M45" s="16">
        <v>101</v>
      </c>
      <c r="N45" s="16">
        <v>19</v>
      </c>
      <c r="O45" s="16">
        <v>586</v>
      </c>
      <c r="P45" s="16">
        <v>9</v>
      </c>
      <c r="Q45" s="16">
        <v>1222</v>
      </c>
      <c r="R45" s="16">
        <v>0</v>
      </c>
      <c r="S45" s="16">
        <v>0</v>
      </c>
      <c r="T45" s="16">
        <v>2</v>
      </c>
      <c r="U45" s="16">
        <v>251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1338</v>
      </c>
      <c r="G47" s="19">
        <v>89221</v>
      </c>
      <c r="H47" s="19">
        <v>68</v>
      </c>
      <c r="I47" s="19">
        <v>1341</v>
      </c>
      <c r="J47" s="19">
        <v>1270</v>
      </c>
      <c r="K47" s="19">
        <v>87880</v>
      </c>
      <c r="L47" s="19">
        <v>40</v>
      </c>
      <c r="M47" s="19">
        <v>1038</v>
      </c>
      <c r="N47" s="19">
        <v>1229</v>
      </c>
      <c r="O47" s="19">
        <v>86759</v>
      </c>
      <c r="P47" s="19">
        <v>1</v>
      </c>
      <c r="Q47" s="19">
        <v>83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11</v>
      </c>
      <c r="G48" s="21">
        <v>10352</v>
      </c>
      <c r="H48" s="21">
        <v>75</v>
      </c>
      <c r="I48" s="21">
        <v>8136</v>
      </c>
      <c r="J48" s="21">
        <v>36</v>
      </c>
      <c r="K48" s="21">
        <v>2216</v>
      </c>
      <c r="L48" s="21">
        <v>0</v>
      </c>
      <c r="M48" s="21">
        <v>0</v>
      </c>
      <c r="N48" s="21">
        <v>0</v>
      </c>
      <c r="O48" s="21">
        <v>0</v>
      </c>
      <c r="P48" s="21">
        <v>36</v>
      </c>
      <c r="Q48" s="21">
        <v>2216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79</v>
      </c>
      <c r="G49" s="16">
        <v>8831</v>
      </c>
      <c r="H49" s="16">
        <v>73</v>
      </c>
      <c r="I49" s="16">
        <v>7998</v>
      </c>
      <c r="J49" s="16">
        <v>6</v>
      </c>
      <c r="K49" s="16">
        <v>833</v>
      </c>
      <c r="L49" s="16">
        <v>0</v>
      </c>
      <c r="M49" s="16">
        <v>0</v>
      </c>
      <c r="N49" s="16">
        <v>0</v>
      </c>
      <c r="O49" s="16">
        <v>0</v>
      </c>
      <c r="P49" s="16">
        <v>6</v>
      </c>
      <c r="Q49" s="16">
        <v>833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2</v>
      </c>
      <c r="G50" s="16">
        <v>138</v>
      </c>
      <c r="H50" s="16">
        <v>2</v>
      </c>
      <c r="I50" s="16">
        <v>138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30</v>
      </c>
      <c r="G51" s="19">
        <v>1383</v>
      </c>
      <c r="H51" s="19">
        <v>0</v>
      </c>
      <c r="I51" s="19">
        <v>0</v>
      </c>
      <c r="J51" s="19">
        <v>30</v>
      </c>
      <c r="K51" s="19">
        <v>1383</v>
      </c>
      <c r="L51" s="19">
        <v>0</v>
      </c>
      <c r="M51" s="19">
        <v>0</v>
      </c>
      <c r="N51" s="19">
        <v>0</v>
      </c>
      <c r="O51" s="19">
        <v>0</v>
      </c>
      <c r="P51" s="19">
        <v>30</v>
      </c>
      <c r="Q51" s="19">
        <v>1383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56</v>
      </c>
      <c r="G52" s="21">
        <v>6412</v>
      </c>
      <c r="H52" s="21">
        <v>50</v>
      </c>
      <c r="I52" s="21">
        <v>5579</v>
      </c>
      <c r="J52" s="21">
        <v>6</v>
      </c>
      <c r="K52" s="21">
        <v>833</v>
      </c>
      <c r="L52" s="21">
        <v>0</v>
      </c>
      <c r="M52" s="21">
        <v>0</v>
      </c>
      <c r="N52" s="21">
        <v>0</v>
      </c>
      <c r="O52" s="21">
        <v>0</v>
      </c>
      <c r="P52" s="21">
        <v>6</v>
      </c>
      <c r="Q52" s="21">
        <v>833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56</v>
      </c>
      <c r="G53" s="16">
        <v>6412</v>
      </c>
      <c r="H53" s="16">
        <v>50</v>
      </c>
      <c r="I53" s="16">
        <v>5579</v>
      </c>
      <c r="J53" s="16">
        <v>6</v>
      </c>
      <c r="K53" s="16">
        <v>833</v>
      </c>
      <c r="L53" s="16">
        <v>0</v>
      </c>
      <c r="M53" s="16">
        <v>0</v>
      </c>
      <c r="N53" s="16">
        <v>0</v>
      </c>
      <c r="O53" s="16">
        <v>0</v>
      </c>
      <c r="P53" s="16">
        <v>6</v>
      </c>
      <c r="Q53" s="16">
        <v>833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27</v>
      </c>
      <c r="G56" s="21">
        <v>914</v>
      </c>
      <c r="H56" s="21">
        <v>2</v>
      </c>
      <c r="I56" s="21">
        <v>138</v>
      </c>
      <c r="J56" s="21">
        <v>25</v>
      </c>
      <c r="K56" s="21">
        <v>776</v>
      </c>
      <c r="L56" s="21">
        <v>0</v>
      </c>
      <c r="M56" s="21">
        <v>0</v>
      </c>
      <c r="N56" s="21">
        <v>0</v>
      </c>
      <c r="O56" s="21">
        <v>0</v>
      </c>
      <c r="P56" s="21">
        <v>25</v>
      </c>
      <c r="Q56" s="21">
        <v>776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2</v>
      </c>
      <c r="G58" s="16">
        <v>138</v>
      </c>
      <c r="H58" s="16">
        <v>2</v>
      </c>
      <c r="I58" s="16">
        <v>138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25</v>
      </c>
      <c r="G59" s="19">
        <v>776</v>
      </c>
      <c r="H59" s="19">
        <v>0</v>
      </c>
      <c r="I59" s="19">
        <v>0</v>
      </c>
      <c r="J59" s="19">
        <v>25</v>
      </c>
      <c r="K59" s="19">
        <v>776</v>
      </c>
      <c r="L59" s="19">
        <v>0</v>
      </c>
      <c r="M59" s="19">
        <v>0</v>
      </c>
      <c r="N59" s="19">
        <v>0</v>
      </c>
      <c r="O59" s="19">
        <v>0</v>
      </c>
      <c r="P59" s="19">
        <v>25</v>
      </c>
      <c r="Q59" s="19">
        <v>776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28</v>
      </c>
      <c r="G64" s="21">
        <v>3026</v>
      </c>
      <c r="H64" s="21">
        <v>23</v>
      </c>
      <c r="I64" s="21">
        <v>2419</v>
      </c>
      <c r="J64" s="21">
        <v>5</v>
      </c>
      <c r="K64" s="21">
        <v>607</v>
      </c>
      <c r="L64" s="21">
        <v>0</v>
      </c>
      <c r="M64" s="21">
        <v>0</v>
      </c>
      <c r="N64" s="21">
        <v>0</v>
      </c>
      <c r="O64" s="21">
        <v>0</v>
      </c>
      <c r="P64" s="21">
        <v>5</v>
      </c>
      <c r="Q64" s="21">
        <v>607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23</v>
      </c>
      <c r="G65" s="16">
        <v>2419</v>
      </c>
      <c r="H65" s="16">
        <v>23</v>
      </c>
      <c r="I65" s="16">
        <v>2419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5</v>
      </c>
      <c r="G67" s="19">
        <v>607</v>
      </c>
      <c r="H67" s="19">
        <v>0</v>
      </c>
      <c r="I67" s="19">
        <v>0</v>
      </c>
      <c r="J67" s="19">
        <v>5</v>
      </c>
      <c r="K67" s="19">
        <v>607</v>
      </c>
      <c r="L67" s="19">
        <v>0</v>
      </c>
      <c r="M67" s="19">
        <v>0</v>
      </c>
      <c r="N67" s="19">
        <v>0</v>
      </c>
      <c r="O67" s="19">
        <v>0</v>
      </c>
      <c r="P67" s="19">
        <v>5</v>
      </c>
      <c r="Q67" s="19">
        <v>607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312</v>
      </c>
      <c r="G68" s="21">
        <v>157219</v>
      </c>
      <c r="H68" s="21">
        <v>1072</v>
      </c>
      <c r="I68" s="21">
        <v>78663</v>
      </c>
      <c r="J68" s="21">
        <v>1240</v>
      </c>
      <c r="K68" s="21">
        <v>78556</v>
      </c>
      <c r="L68" s="21">
        <v>41</v>
      </c>
      <c r="M68" s="21">
        <v>1139</v>
      </c>
      <c r="N68" s="21">
        <v>847</v>
      </c>
      <c r="O68" s="21">
        <v>57150</v>
      </c>
      <c r="P68" s="21">
        <v>350</v>
      </c>
      <c r="Q68" s="21">
        <v>20035</v>
      </c>
      <c r="R68" s="21">
        <v>0</v>
      </c>
      <c r="S68" s="21">
        <v>0</v>
      </c>
      <c r="T68" s="21">
        <v>2</v>
      </c>
      <c r="U68" s="21">
        <v>232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733</v>
      </c>
      <c r="G69" s="16">
        <v>77671</v>
      </c>
      <c r="H69" s="16">
        <v>651</v>
      </c>
      <c r="I69" s="16">
        <v>67968</v>
      </c>
      <c r="J69" s="16">
        <v>82</v>
      </c>
      <c r="K69" s="16">
        <v>9703</v>
      </c>
      <c r="L69" s="16">
        <v>1</v>
      </c>
      <c r="M69" s="16">
        <v>101</v>
      </c>
      <c r="N69" s="16">
        <v>21</v>
      </c>
      <c r="O69" s="16">
        <v>1125</v>
      </c>
      <c r="P69" s="16">
        <v>58</v>
      </c>
      <c r="Q69" s="16">
        <v>8245</v>
      </c>
      <c r="R69" s="16">
        <v>0</v>
      </c>
      <c r="S69" s="16">
        <v>0</v>
      </c>
      <c r="T69" s="16">
        <v>2</v>
      </c>
      <c r="U69" s="16">
        <v>232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11</v>
      </c>
      <c r="G70" s="16">
        <v>758</v>
      </c>
      <c r="H70" s="16">
        <v>7</v>
      </c>
      <c r="I70" s="16">
        <v>568</v>
      </c>
      <c r="J70" s="16">
        <v>4</v>
      </c>
      <c r="K70" s="16">
        <v>190</v>
      </c>
      <c r="L70" s="16">
        <v>0</v>
      </c>
      <c r="M70" s="16">
        <v>0</v>
      </c>
      <c r="N70" s="16">
        <v>0</v>
      </c>
      <c r="O70" s="16">
        <v>0</v>
      </c>
      <c r="P70" s="16">
        <v>4</v>
      </c>
      <c r="Q70" s="16">
        <v>190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568</v>
      </c>
      <c r="G71" s="19">
        <v>78790</v>
      </c>
      <c r="H71" s="19">
        <v>414</v>
      </c>
      <c r="I71" s="19">
        <v>10127</v>
      </c>
      <c r="J71" s="19">
        <v>1154</v>
      </c>
      <c r="K71" s="19">
        <v>68663</v>
      </c>
      <c r="L71" s="19">
        <v>40</v>
      </c>
      <c r="M71" s="19">
        <v>1038</v>
      </c>
      <c r="N71" s="19">
        <v>826</v>
      </c>
      <c r="O71" s="19">
        <v>56025</v>
      </c>
      <c r="P71" s="19">
        <v>288</v>
      </c>
      <c r="Q71" s="19">
        <v>11600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274</v>
      </c>
      <c r="G72" s="21">
        <v>32936</v>
      </c>
      <c r="H72" s="21">
        <v>215</v>
      </c>
      <c r="I72" s="21">
        <v>24510</v>
      </c>
      <c r="J72" s="21">
        <v>59</v>
      </c>
      <c r="K72" s="21">
        <v>8426</v>
      </c>
      <c r="L72" s="21">
        <v>0</v>
      </c>
      <c r="M72" s="21">
        <v>0</v>
      </c>
      <c r="N72" s="21">
        <v>3</v>
      </c>
      <c r="O72" s="21">
        <v>659</v>
      </c>
      <c r="P72" s="21">
        <v>55</v>
      </c>
      <c r="Q72" s="21">
        <v>7685</v>
      </c>
      <c r="R72" s="21">
        <v>0</v>
      </c>
      <c r="S72" s="21">
        <v>0</v>
      </c>
      <c r="T72" s="21">
        <v>1</v>
      </c>
      <c r="U72" s="21">
        <v>82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271</v>
      </c>
      <c r="G73" s="16">
        <v>32665</v>
      </c>
      <c r="H73" s="16">
        <v>213</v>
      </c>
      <c r="I73" s="16">
        <v>24328</v>
      </c>
      <c r="J73" s="16">
        <v>58</v>
      </c>
      <c r="K73" s="16">
        <v>8337</v>
      </c>
      <c r="L73" s="16">
        <v>0</v>
      </c>
      <c r="M73" s="16">
        <v>0</v>
      </c>
      <c r="N73" s="16">
        <v>3</v>
      </c>
      <c r="O73" s="16">
        <v>659</v>
      </c>
      <c r="P73" s="16">
        <v>54</v>
      </c>
      <c r="Q73" s="16">
        <v>7596</v>
      </c>
      <c r="R73" s="16">
        <v>0</v>
      </c>
      <c r="S73" s="16">
        <v>0</v>
      </c>
      <c r="T73" s="16">
        <v>1</v>
      </c>
      <c r="U73" s="16">
        <v>82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2</v>
      </c>
      <c r="G74" s="16">
        <v>182</v>
      </c>
      <c r="H74" s="16">
        <v>2</v>
      </c>
      <c r="I74" s="16">
        <v>182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1</v>
      </c>
      <c r="G75" s="19">
        <v>89</v>
      </c>
      <c r="H75" s="19">
        <v>0</v>
      </c>
      <c r="I75" s="19">
        <v>0</v>
      </c>
      <c r="J75" s="19">
        <v>1</v>
      </c>
      <c r="K75" s="19">
        <v>89</v>
      </c>
      <c r="L75" s="19">
        <v>0</v>
      </c>
      <c r="M75" s="19">
        <v>0</v>
      </c>
      <c r="N75" s="19">
        <v>0</v>
      </c>
      <c r="O75" s="19">
        <v>0</v>
      </c>
      <c r="P75" s="19">
        <v>1</v>
      </c>
      <c r="Q75" s="19">
        <v>89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753</v>
      </c>
      <c r="G76" s="21">
        <v>26719</v>
      </c>
      <c r="H76" s="21">
        <v>351</v>
      </c>
      <c r="I76" s="21">
        <v>9172</v>
      </c>
      <c r="J76" s="21">
        <v>402</v>
      </c>
      <c r="K76" s="21">
        <v>17547</v>
      </c>
      <c r="L76" s="21">
        <v>0</v>
      </c>
      <c r="M76" s="21">
        <v>0</v>
      </c>
      <c r="N76" s="21">
        <v>111</v>
      </c>
      <c r="O76" s="21">
        <v>5848</v>
      </c>
      <c r="P76" s="21">
        <v>291</v>
      </c>
      <c r="Q76" s="21">
        <v>11699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1</v>
      </c>
      <c r="G77" s="16">
        <v>81</v>
      </c>
      <c r="H77" s="16">
        <v>0</v>
      </c>
      <c r="I77" s="16">
        <v>0</v>
      </c>
      <c r="J77" s="16">
        <v>1</v>
      </c>
      <c r="K77" s="16">
        <v>81</v>
      </c>
      <c r="L77" s="16">
        <v>0</v>
      </c>
      <c r="M77" s="16">
        <v>0</v>
      </c>
      <c r="N77" s="16">
        <v>0</v>
      </c>
      <c r="O77" s="16">
        <v>0</v>
      </c>
      <c r="P77" s="16">
        <v>1</v>
      </c>
      <c r="Q77" s="16">
        <v>81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9</v>
      </c>
      <c r="G78" s="16">
        <v>576</v>
      </c>
      <c r="H78" s="16">
        <v>5</v>
      </c>
      <c r="I78" s="16">
        <v>386</v>
      </c>
      <c r="J78" s="16">
        <v>4</v>
      </c>
      <c r="K78" s="16">
        <v>190</v>
      </c>
      <c r="L78" s="16">
        <v>0</v>
      </c>
      <c r="M78" s="16">
        <v>0</v>
      </c>
      <c r="N78" s="16">
        <v>0</v>
      </c>
      <c r="O78" s="16">
        <v>0</v>
      </c>
      <c r="P78" s="16">
        <v>4</v>
      </c>
      <c r="Q78" s="16">
        <v>190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743</v>
      </c>
      <c r="G79" s="19">
        <v>26062</v>
      </c>
      <c r="H79" s="19">
        <v>346</v>
      </c>
      <c r="I79" s="19">
        <v>8786</v>
      </c>
      <c r="J79" s="19">
        <v>397</v>
      </c>
      <c r="K79" s="19">
        <v>17276</v>
      </c>
      <c r="L79" s="19">
        <v>0</v>
      </c>
      <c r="M79" s="19">
        <v>0</v>
      </c>
      <c r="N79" s="19">
        <v>111</v>
      </c>
      <c r="O79" s="19">
        <v>5848</v>
      </c>
      <c r="P79" s="19">
        <v>286</v>
      </c>
      <c r="Q79" s="19">
        <v>11428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1</v>
      </c>
      <c r="G80" s="21">
        <v>105</v>
      </c>
      <c r="H80" s="21">
        <v>1</v>
      </c>
      <c r="I80" s="21">
        <v>105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1</v>
      </c>
      <c r="G81" s="16">
        <v>105</v>
      </c>
      <c r="H81" s="16">
        <v>1</v>
      </c>
      <c r="I81" s="16">
        <v>105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284</v>
      </c>
      <c r="G84" s="21">
        <v>97459</v>
      </c>
      <c r="H84" s="21">
        <v>505</v>
      </c>
      <c r="I84" s="21">
        <v>44876</v>
      </c>
      <c r="J84" s="21">
        <v>779</v>
      </c>
      <c r="K84" s="21">
        <v>52583</v>
      </c>
      <c r="L84" s="21">
        <v>41</v>
      </c>
      <c r="M84" s="21">
        <v>1139</v>
      </c>
      <c r="N84" s="21">
        <v>733</v>
      </c>
      <c r="O84" s="21">
        <v>50643</v>
      </c>
      <c r="P84" s="21">
        <v>4</v>
      </c>
      <c r="Q84" s="21">
        <v>651</v>
      </c>
      <c r="R84" s="21">
        <v>0</v>
      </c>
      <c r="S84" s="21">
        <v>0</v>
      </c>
      <c r="T84" s="21">
        <v>1</v>
      </c>
      <c r="U84" s="21">
        <v>15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460</v>
      </c>
      <c r="G85" s="16">
        <v>44820</v>
      </c>
      <c r="H85" s="16">
        <v>437</v>
      </c>
      <c r="I85" s="16">
        <v>43535</v>
      </c>
      <c r="J85" s="16">
        <v>23</v>
      </c>
      <c r="K85" s="16">
        <v>1285</v>
      </c>
      <c r="L85" s="16">
        <v>1</v>
      </c>
      <c r="M85" s="16">
        <v>101</v>
      </c>
      <c r="N85" s="16">
        <v>18</v>
      </c>
      <c r="O85" s="16">
        <v>466</v>
      </c>
      <c r="P85" s="16">
        <v>3</v>
      </c>
      <c r="Q85" s="16">
        <v>568</v>
      </c>
      <c r="R85" s="16">
        <v>0</v>
      </c>
      <c r="S85" s="16">
        <v>0</v>
      </c>
      <c r="T85" s="16">
        <v>1</v>
      </c>
      <c r="U85" s="16">
        <v>15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824</v>
      </c>
      <c r="G87" s="19">
        <v>52639</v>
      </c>
      <c r="H87" s="19">
        <v>68</v>
      </c>
      <c r="I87" s="19">
        <v>1341</v>
      </c>
      <c r="J87" s="19">
        <v>756</v>
      </c>
      <c r="K87" s="19">
        <v>51298</v>
      </c>
      <c r="L87" s="19">
        <v>40</v>
      </c>
      <c r="M87" s="19">
        <v>1038</v>
      </c>
      <c r="N87" s="19">
        <v>715</v>
      </c>
      <c r="O87" s="19">
        <v>50177</v>
      </c>
      <c r="P87" s="19">
        <v>1</v>
      </c>
      <c r="Q87" s="19">
        <v>83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193</v>
      </c>
      <c r="G88" s="21">
        <v>10429</v>
      </c>
      <c r="H88" s="21">
        <v>109</v>
      </c>
      <c r="I88" s="21">
        <v>5913</v>
      </c>
      <c r="J88" s="21">
        <v>84</v>
      </c>
      <c r="K88" s="21">
        <v>4516</v>
      </c>
      <c r="L88" s="21">
        <v>0</v>
      </c>
      <c r="M88" s="21">
        <v>0</v>
      </c>
      <c r="N88" s="21">
        <v>70</v>
      </c>
      <c r="O88" s="21">
        <v>3627</v>
      </c>
      <c r="P88" s="21">
        <v>14</v>
      </c>
      <c r="Q88" s="21">
        <v>889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43</v>
      </c>
      <c r="G89" s="16">
        <v>4529</v>
      </c>
      <c r="H89" s="16">
        <v>40</v>
      </c>
      <c r="I89" s="16">
        <v>4121</v>
      </c>
      <c r="J89" s="16">
        <v>3</v>
      </c>
      <c r="K89" s="16">
        <v>408</v>
      </c>
      <c r="L89" s="16">
        <v>0</v>
      </c>
      <c r="M89" s="16">
        <v>0</v>
      </c>
      <c r="N89" s="16">
        <v>1</v>
      </c>
      <c r="O89" s="16">
        <v>157</v>
      </c>
      <c r="P89" s="16">
        <v>2</v>
      </c>
      <c r="Q89" s="16">
        <v>251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4</v>
      </c>
      <c r="G90" s="16">
        <v>314</v>
      </c>
      <c r="H90" s="16">
        <v>4</v>
      </c>
      <c r="I90" s="16">
        <v>314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46</v>
      </c>
      <c r="G91" s="19">
        <v>5586</v>
      </c>
      <c r="H91" s="19">
        <v>65</v>
      </c>
      <c r="I91" s="19">
        <v>1478</v>
      </c>
      <c r="J91" s="19">
        <v>81</v>
      </c>
      <c r="K91" s="19">
        <v>4108</v>
      </c>
      <c r="L91" s="19">
        <v>0</v>
      </c>
      <c r="M91" s="19">
        <v>0</v>
      </c>
      <c r="N91" s="19">
        <v>69</v>
      </c>
      <c r="O91" s="19">
        <v>3470</v>
      </c>
      <c r="P91" s="19">
        <v>12</v>
      </c>
      <c r="Q91" s="19">
        <v>638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17</v>
      </c>
      <c r="G92" s="21">
        <v>1892</v>
      </c>
      <c r="H92" s="21">
        <v>14</v>
      </c>
      <c r="I92" s="21">
        <v>1484</v>
      </c>
      <c r="J92" s="21">
        <v>3</v>
      </c>
      <c r="K92" s="21">
        <v>408</v>
      </c>
      <c r="L92" s="21">
        <v>0</v>
      </c>
      <c r="M92" s="21">
        <v>0</v>
      </c>
      <c r="N92" s="21">
        <v>1</v>
      </c>
      <c r="O92" s="21">
        <v>157</v>
      </c>
      <c r="P92" s="21">
        <v>2</v>
      </c>
      <c r="Q92" s="21">
        <v>251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15</v>
      </c>
      <c r="G93" s="16">
        <v>1710</v>
      </c>
      <c r="H93" s="16">
        <v>12</v>
      </c>
      <c r="I93" s="16">
        <v>1302</v>
      </c>
      <c r="J93" s="16">
        <v>3</v>
      </c>
      <c r="K93" s="16">
        <v>408</v>
      </c>
      <c r="L93" s="16">
        <v>0</v>
      </c>
      <c r="M93" s="16">
        <v>0</v>
      </c>
      <c r="N93" s="16">
        <v>1</v>
      </c>
      <c r="O93" s="16">
        <v>157</v>
      </c>
      <c r="P93" s="16">
        <v>2</v>
      </c>
      <c r="Q93" s="16">
        <v>251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2</v>
      </c>
      <c r="G94" s="16">
        <v>182</v>
      </c>
      <c r="H94" s="16">
        <v>2</v>
      </c>
      <c r="I94" s="16">
        <v>182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128</v>
      </c>
      <c r="G96" s="21">
        <v>5287</v>
      </c>
      <c r="H96" s="21">
        <v>47</v>
      </c>
      <c r="I96" s="21">
        <v>1179</v>
      </c>
      <c r="J96" s="21">
        <v>81</v>
      </c>
      <c r="K96" s="21">
        <v>4108</v>
      </c>
      <c r="L96" s="21">
        <v>0</v>
      </c>
      <c r="M96" s="21">
        <v>0</v>
      </c>
      <c r="N96" s="21">
        <v>69</v>
      </c>
      <c r="O96" s="21">
        <v>3470</v>
      </c>
      <c r="P96" s="21">
        <v>12</v>
      </c>
      <c r="Q96" s="21">
        <v>638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2</v>
      </c>
      <c r="G98" s="16">
        <v>132</v>
      </c>
      <c r="H98" s="16">
        <v>2</v>
      </c>
      <c r="I98" s="16">
        <v>132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126</v>
      </c>
      <c r="G99" s="19">
        <v>5155</v>
      </c>
      <c r="H99" s="19">
        <v>45</v>
      </c>
      <c r="I99" s="19">
        <v>1047</v>
      </c>
      <c r="J99" s="19">
        <v>81</v>
      </c>
      <c r="K99" s="19">
        <v>4108</v>
      </c>
      <c r="L99" s="19">
        <v>0</v>
      </c>
      <c r="M99" s="19">
        <v>0</v>
      </c>
      <c r="N99" s="19">
        <v>69</v>
      </c>
      <c r="O99" s="19">
        <v>3470</v>
      </c>
      <c r="P99" s="19">
        <v>12</v>
      </c>
      <c r="Q99" s="19">
        <v>638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1</v>
      </c>
      <c r="G100" s="21">
        <v>105</v>
      </c>
      <c r="H100" s="21">
        <v>1</v>
      </c>
      <c r="I100" s="21">
        <v>105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1</v>
      </c>
      <c r="G101" s="16">
        <v>105</v>
      </c>
      <c r="H101" s="16">
        <v>1</v>
      </c>
      <c r="I101" s="16">
        <v>105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47</v>
      </c>
      <c r="G104" s="21">
        <v>3145</v>
      </c>
      <c r="H104" s="21">
        <v>47</v>
      </c>
      <c r="I104" s="21">
        <v>3145</v>
      </c>
      <c r="J104" s="21">
        <v>0</v>
      </c>
      <c r="K104" s="21">
        <v>0</v>
      </c>
      <c r="L104" s="21">
        <v>0</v>
      </c>
      <c r="M104" s="21">
        <v>0</v>
      </c>
      <c r="N104" s="21">
        <v>0</v>
      </c>
      <c r="O104" s="21">
        <v>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27</v>
      </c>
      <c r="G105" s="16">
        <v>2714</v>
      </c>
      <c r="H105" s="16">
        <v>27</v>
      </c>
      <c r="I105" s="16">
        <v>2714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20</v>
      </c>
      <c r="G107" s="19">
        <v>431</v>
      </c>
      <c r="H107" s="19">
        <v>20</v>
      </c>
      <c r="I107" s="19">
        <v>431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145</v>
      </c>
      <c r="G108" s="21">
        <v>7380</v>
      </c>
      <c r="H108" s="21">
        <v>99</v>
      </c>
      <c r="I108" s="21">
        <v>4511</v>
      </c>
      <c r="J108" s="21">
        <v>46</v>
      </c>
      <c r="K108" s="21">
        <v>2869</v>
      </c>
      <c r="L108" s="21">
        <v>0</v>
      </c>
      <c r="M108" s="21">
        <v>0</v>
      </c>
      <c r="N108" s="21">
        <v>39</v>
      </c>
      <c r="O108" s="21">
        <v>2536</v>
      </c>
      <c r="P108" s="21">
        <v>7</v>
      </c>
      <c r="Q108" s="21">
        <v>333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29</v>
      </c>
      <c r="G109" s="16">
        <v>3480</v>
      </c>
      <c r="H109" s="16">
        <v>27</v>
      </c>
      <c r="I109" s="16">
        <v>3156</v>
      </c>
      <c r="J109" s="16">
        <v>2</v>
      </c>
      <c r="K109" s="16">
        <v>324</v>
      </c>
      <c r="L109" s="16">
        <v>0</v>
      </c>
      <c r="M109" s="16">
        <v>0</v>
      </c>
      <c r="N109" s="16">
        <v>1</v>
      </c>
      <c r="O109" s="16">
        <v>173</v>
      </c>
      <c r="P109" s="16">
        <v>1</v>
      </c>
      <c r="Q109" s="16">
        <v>151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16</v>
      </c>
      <c r="G111" s="19">
        <v>3900</v>
      </c>
      <c r="H111" s="19">
        <v>72</v>
      </c>
      <c r="I111" s="19">
        <v>1355</v>
      </c>
      <c r="J111" s="19">
        <v>44</v>
      </c>
      <c r="K111" s="19">
        <v>2545</v>
      </c>
      <c r="L111" s="19">
        <v>0</v>
      </c>
      <c r="M111" s="19">
        <v>0</v>
      </c>
      <c r="N111" s="19">
        <v>38</v>
      </c>
      <c r="O111" s="19">
        <v>2363</v>
      </c>
      <c r="P111" s="19">
        <v>6</v>
      </c>
      <c r="Q111" s="19">
        <v>182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20</v>
      </c>
      <c r="G112" s="21">
        <v>2551</v>
      </c>
      <c r="H112" s="21">
        <v>18</v>
      </c>
      <c r="I112" s="21">
        <v>2227</v>
      </c>
      <c r="J112" s="21">
        <v>2</v>
      </c>
      <c r="K112" s="21">
        <v>324</v>
      </c>
      <c r="L112" s="21">
        <v>0</v>
      </c>
      <c r="M112" s="21">
        <v>0</v>
      </c>
      <c r="N112" s="21">
        <v>1</v>
      </c>
      <c r="O112" s="21">
        <v>173</v>
      </c>
      <c r="P112" s="21">
        <v>1</v>
      </c>
      <c r="Q112" s="21">
        <v>151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20</v>
      </c>
      <c r="G113" s="16">
        <v>2551</v>
      </c>
      <c r="H113" s="16">
        <v>18</v>
      </c>
      <c r="I113" s="16">
        <v>2227</v>
      </c>
      <c r="J113" s="16">
        <v>2</v>
      </c>
      <c r="K113" s="16">
        <v>324</v>
      </c>
      <c r="L113" s="16">
        <v>0</v>
      </c>
      <c r="M113" s="16">
        <v>0</v>
      </c>
      <c r="N113" s="16">
        <v>1</v>
      </c>
      <c r="O113" s="16">
        <v>173</v>
      </c>
      <c r="P113" s="16">
        <v>1</v>
      </c>
      <c r="Q113" s="16">
        <v>151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83</v>
      </c>
      <c r="G116" s="21">
        <v>2041</v>
      </c>
      <c r="H116" s="21">
        <v>62</v>
      </c>
      <c r="I116" s="21">
        <v>1175</v>
      </c>
      <c r="J116" s="21">
        <v>21</v>
      </c>
      <c r="K116" s="21">
        <v>866</v>
      </c>
      <c r="L116" s="21">
        <v>0</v>
      </c>
      <c r="M116" s="21">
        <v>0</v>
      </c>
      <c r="N116" s="21">
        <v>15</v>
      </c>
      <c r="O116" s="21">
        <v>684</v>
      </c>
      <c r="P116" s="21">
        <v>6</v>
      </c>
      <c r="Q116" s="21">
        <v>182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83</v>
      </c>
      <c r="G119" s="19">
        <v>2041</v>
      </c>
      <c r="H119" s="19">
        <v>62</v>
      </c>
      <c r="I119" s="19">
        <v>1175</v>
      </c>
      <c r="J119" s="19">
        <v>21</v>
      </c>
      <c r="K119" s="19">
        <v>866</v>
      </c>
      <c r="L119" s="19">
        <v>0</v>
      </c>
      <c r="M119" s="19">
        <v>0</v>
      </c>
      <c r="N119" s="19">
        <v>15</v>
      </c>
      <c r="O119" s="19">
        <v>684</v>
      </c>
      <c r="P119" s="19">
        <v>6</v>
      </c>
      <c r="Q119" s="19">
        <v>182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42</v>
      </c>
      <c r="G124" s="21">
        <v>2788</v>
      </c>
      <c r="H124" s="21">
        <v>19</v>
      </c>
      <c r="I124" s="21">
        <v>1109</v>
      </c>
      <c r="J124" s="21">
        <v>23</v>
      </c>
      <c r="K124" s="21">
        <v>1679</v>
      </c>
      <c r="L124" s="21">
        <v>0</v>
      </c>
      <c r="M124" s="21">
        <v>0</v>
      </c>
      <c r="N124" s="21">
        <v>23</v>
      </c>
      <c r="O124" s="21">
        <v>1679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9</v>
      </c>
      <c r="G125" s="16">
        <v>929</v>
      </c>
      <c r="H125" s="16">
        <v>9</v>
      </c>
      <c r="I125" s="16">
        <v>929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33</v>
      </c>
      <c r="G127" s="19">
        <v>1859</v>
      </c>
      <c r="H127" s="19">
        <v>10</v>
      </c>
      <c r="I127" s="19">
        <v>180</v>
      </c>
      <c r="J127" s="19">
        <v>23</v>
      </c>
      <c r="K127" s="19">
        <v>1679</v>
      </c>
      <c r="L127" s="19">
        <v>0</v>
      </c>
      <c r="M127" s="19">
        <v>0</v>
      </c>
      <c r="N127" s="19">
        <v>23</v>
      </c>
      <c r="O127" s="19">
        <v>1679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387</v>
      </c>
      <c r="G128" s="21">
        <v>30645</v>
      </c>
      <c r="H128" s="21">
        <v>41</v>
      </c>
      <c r="I128" s="21">
        <v>2207</v>
      </c>
      <c r="J128" s="21">
        <v>346</v>
      </c>
      <c r="K128" s="21">
        <v>28438</v>
      </c>
      <c r="L128" s="21">
        <v>40</v>
      </c>
      <c r="M128" s="21">
        <v>1038</v>
      </c>
      <c r="N128" s="21">
        <v>302</v>
      </c>
      <c r="O128" s="21">
        <v>26857</v>
      </c>
      <c r="P128" s="21">
        <v>4</v>
      </c>
      <c r="Q128" s="21">
        <v>543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7</v>
      </c>
      <c r="G129" s="16">
        <v>2289</v>
      </c>
      <c r="H129" s="16">
        <v>15</v>
      </c>
      <c r="I129" s="16">
        <v>1837</v>
      </c>
      <c r="J129" s="16">
        <v>2</v>
      </c>
      <c r="K129" s="16">
        <v>452</v>
      </c>
      <c r="L129" s="16">
        <v>0</v>
      </c>
      <c r="M129" s="16">
        <v>0</v>
      </c>
      <c r="N129" s="16">
        <v>0</v>
      </c>
      <c r="O129" s="16">
        <v>0</v>
      </c>
      <c r="P129" s="16">
        <v>2</v>
      </c>
      <c r="Q129" s="16">
        <v>452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2</v>
      </c>
      <c r="G130" s="16">
        <v>91</v>
      </c>
      <c r="H130" s="16">
        <v>0</v>
      </c>
      <c r="I130" s="16">
        <v>0</v>
      </c>
      <c r="J130" s="16">
        <v>2</v>
      </c>
      <c r="K130" s="16">
        <v>91</v>
      </c>
      <c r="L130" s="16">
        <v>0</v>
      </c>
      <c r="M130" s="16">
        <v>0</v>
      </c>
      <c r="N130" s="16">
        <v>0</v>
      </c>
      <c r="O130" s="16">
        <v>0</v>
      </c>
      <c r="P130" s="16">
        <v>2</v>
      </c>
      <c r="Q130" s="16">
        <v>91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368</v>
      </c>
      <c r="G131" s="19">
        <v>28265</v>
      </c>
      <c r="H131" s="19">
        <v>26</v>
      </c>
      <c r="I131" s="19">
        <v>370</v>
      </c>
      <c r="J131" s="19">
        <v>342</v>
      </c>
      <c r="K131" s="19">
        <v>27895</v>
      </c>
      <c r="L131" s="19">
        <v>40</v>
      </c>
      <c r="M131" s="19">
        <v>1038</v>
      </c>
      <c r="N131" s="19">
        <v>302</v>
      </c>
      <c r="O131" s="19">
        <v>26857</v>
      </c>
      <c r="P131" s="19">
        <v>0</v>
      </c>
      <c r="Q131" s="19">
        <v>0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4</v>
      </c>
      <c r="G132" s="21">
        <v>611</v>
      </c>
      <c r="H132" s="21">
        <v>3</v>
      </c>
      <c r="I132" s="21">
        <v>486</v>
      </c>
      <c r="J132" s="21">
        <v>1</v>
      </c>
      <c r="K132" s="21">
        <v>125</v>
      </c>
      <c r="L132" s="21">
        <v>0</v>
      </c>
      <c r="M132" s="21">
        <v>0</v>
      </c>
      <c r="N132" s="21">
        <v>0</v>
      </c>
      <c r="O132" s="21">
        <v>0</v>
      </c>
      <c r="P132" s="21">
        <v>1</v>
      </c>
      <c r="Q132" s="21">
        <v>125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4</v>
      </c>
      <c r="G133" s="16">
        <v>611</v>
      </c>
      <c r="H133" s="16">
        <v>3</v>
      </c>
      <c r="I133" s="16">
        <v>486</v>
      </c>
      <c r="J133" s="16">
        <v>1</v>
      </c>
      <c r="K133" s="16">
        <v>125</v>
      </c>
      <c r="L133" s="16">
        <v>0</v>
      </c>
      <c r="M133" s="16">
        <v>0</v>
      </c>
      <c r="N133" s="16">
        <v>0</v>
      </c>
      <c r="O133" s="16">
        <v>0</v>
      </c>
      <c r="P133" s="16">
        <v>1</v>
      </c>
      <c r="Q133" s="16">
        <v>125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28</v>
      </c>
      <c r="G136" s="21">
        <v>461</v>
      </c>
      <c r="H136" s="21">
        <v>26</v>
      </c>
      <c r="I136" s="21">
        <v>370</v>
      </c>
      <c r="J136" s="21">
        <v>2</v>
      </c>
      <c r="K136" s="21">
        <v>91</v>
      </c>
      <c r="L136" s="21">
        <v>0</v>
      </c>
      <c r="M136" s="21">
        <v>0</v>
      </c>
      <c r="N136" s="21">
        <v>0</v>
      </c>
      <c r="O136" s="21">
        <v>0</v>
      </c>
      <c r="P136" s="21">
        <v>2</v>
      </c>
      <c r="Q136" s="21">
        <v>91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2</v>
      </c>
      <c r="G138" s="16">
        <v>91</v>
      </c>
      <c r="H138" s="16">
        <v>0</v>
      </c>
      <c r="I138" s="16">
        <v>0</v>
      </c>
      <c r="J138" s="16">
        <v>2</v>
      </c>
      <c r="K138" s="16">
        <v>91</v>
      </c>
      <c r="L138" s="16">
        <v>0</v>
      </c>
      <c r="M138" s="16">
        <v>0</v>
      </c>
      <c r="N138" s="16">
        <v>0</v>
      </c>
      <c r="O138" s="16">
        <v>0</v>
      </c>
      <c r="P138" s="16">
        <v>2</v>
      </c>
      <c r="Q138" s="16">
        <v>91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26</v>
      </c>
      <c r="G139" s="19">
        <v>370</v>
      </c>
      <c r="H139" s="19">
        <v>26</v>
      </c>
      <c r="I139" s="19">
        <v>370</v>
      </c>
      <c r="J139" s="19">
        <v>0</v>
      </c>
      <c r="K139" s="19">
        <v>0</v>
      </c>
      <c r="L139" s="19">
        <v>0</v>
      </c>
      <c r="M139" s="19">
        <v>0</v>
      </c>
      <c r="N139" s="19">
        <v>0</v>
      </c>
      <c r="O139" s="19">
        <v>0</v>
      </c>
      <c r="P139" s="19">
        <v>0</v>
      </c>
      <c r="Q139" s="19">
        <v>0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355</v>
      </c>
      <c r="G144" s="21">
        <v>29573</v>
      </c>
      <c r="H144" s="21">
        <v>12</v>
      </c>
      <c r="I144" s="21">
        <v>1351</v>
      </c>
      <c r="J144" s="21">
        <v>343</v>
      </c>
      <c r="K144" s="21">
        <v>28222</v>
      </c>
      <c r="L144" s="21">
        <v>40</v>
      </c>
      <c r="M144" s="21">
        <v>1038</v>
      </c>
      <c r="N144" s="21">
        <v>302</v>
      </c>
      <c r="O144" s="21">
        <v>26857</v>
      </c>
      <c r="P144" s="21">
        <v>1</v>
      </c>
      <c r="Q144" s="21">
        <v>327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13</v>
      </c>
      <c r="G145" s="16">
        <v>1678</v>
      </c>
      <c r="H145" s="16">
        <v>12</v>
      </c>
      <c r="I145" s="16">
        <v>1351</v>
      </c>
      <c r="J145" s="16">
        <v>1</v>
      </c>
      <c r="K145" s="16">
        <v>327</v>
      </c>
      <c r="L145" s="16">
        <v>0</v>
      </c>
      <c r="M145" s="16">
        <v>0</v>
      </c>
      <c r="N145" s="16">
        <v>0</v>
      </c>
      <c r="O145" s="16">
        <v>0</v>
      </c>
      <c r="P145" s="16">
        <v>1</v>
      </c>
      <c r="Q145" s="16">
        <v>327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342</v>
      </c>
      <c r="G147" s="19">
        <v>27895</v>
      </c>
      <c r="H147" s="19">
        <v>0</v>
      </c>
      <c r="I147" s="19">
        <v>0</v>
      </c>
      <c r="J147" s="19">
        <v>342</v>
      </c>
      <c r="K147" s="19">
        <v>27895</v>
      </c>
      <c r="L147" s="19">
        <v>40</v>
      </c>
      <c r="M147" s="19">
        <v>1038</v>
      </c>
      <c r="N147" s="19">
        <v>302</v>
      </c>
      <c r="O147" s="19">
        <v>26857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125</v>
      </c>
      <c r="G148" s="21">
        <v>8681</v>
      </c>
      <c r="H148" s="21">
        <v>42</v>
      </c>
      <c r="I148" s="21">
        <v>2224</v>
      </c>
      <c r="J148" s="21">
        <v>83</v>
      </c>
      <c r="K148" s="21">
        <v>6457</v>
      </c>
      <c r="L148" s="21">
        <v>0</v>
      </c>
      <c r="M148" s="21">
        <v>0</v>
      </c>
      <c r="N148" s="21">
        <v>67</v>
      </c>
      <c r="O148" s="21">
        <v>5732</v>
      </c>
      <c r="P148" s="21">
        <v>16</v>
      </c>
      <c r="Q148" s="21">
        <v>725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20</v>
      </c>
      <c r="G149" s="16">
        <v>2342</v>
      </c>
      <c r="H149" s="16">
        <v>18</v>
      </c>
      <c r="I149" s="16">
        <v>1893</v>
      </c>
      <c r="J149" s="16">
        <v>2</v>
      </c>
      <c r="K149" s="16">
        <v>449</v>
      </c>
      <c r="L149" s="16">
        <v>0</v>
      </c>
      <c r="M149" s="16">
        <v>0</v>
      </c>
      <c r="N149" s="16">
        <v>1</v>
      </c>
      <c r="O149" s="16">
        <v>329</v>
      </c>
      <c r="P149" s="16">
        <v>1</v>
      </c>
      <c r="Q149" s="16">
        <v>120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105</v>
      </c>
      <c r="G151" s="19">
        <v>6339</v>
      </c>
      <c r="H151" s="19">
        <v>24</v>
      </c>
      <c r="I151" s="19">
        <v>331</v>
      </c>
      <c r="J151" s="19">
        <v>81</v>
      </c>
      <c r="K151" s="19">
        <v>6008</v>
      </c>
      <c r="L151" s="19">
        <v>0</v>
      </c>
      <c r="M151" s="19">
        <v>0</v>
      </c>
      <c r="N151" s="19">
        <v>66</v>
      </c>
      <c r="O151" s="19">
        <v>5403</v>
      </c>
      <c r="P151" s="19">
        <v>15</v>
      </c>
      <c r="Q151" s="19">
        <v>605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1</v>
      </c>
      <c r="G152" s="21">
        <v>1451</v>
      </c>
      <c r="H152" s="21">
        <v>9</v>
      </c>
      <c r="I152" s="21">
        <v>1002</v>
      </c>
      <c r="J152" s="21">
        <v>2</v>
      </c>
      <c r="K152" s="21">
        <v>449</v>
      </c>
      <c r="L152" s="21">
        <v>0</v>
      </c>
      <c r="M152" s="21">
        <v>0</v>
      </c>
      <c r="N152" s="21">
        <v>1</v>
      </c>
      <c r="O152" s="21">
        <v>329</v>
      </c>
      <c r="P152" s="21">
        <v>1</v>
      </c>
      <c r="Q152" s="21">
        <v>120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1</v>
      </c>
      <c r="G153" s="16">
        <v>1451</v>
      </c>
      <c r="H153" s="16">
        <v>9</v>
      </c>
      <c r="I153" s="16">
        <v>1002</v>
      </c>
      <c r="J153" s="16">
        <v>2</v>
      </c>
      <c r="K153" s="16">
        <v>449</v>
      </c>
      <c r="L153" s="16">
        <v>0</v>
      </c>
      <c r="M153" s="16">
        <v>0</v>
      </c>
      <c r="N153" s="16">
        <v>1</v>
      </c>
      <c r="O153" s="16">
        <v>329</v>
      </c>
      <c r="P153" s="16">
        <v>1</v>
      </c>
      <c r="Q153" s="16">
        <v>120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39</v>
      </c>
      <c r="G156" s="21">
        <v>936</v>
      </c>
      <c r="H156" s="21">
        <v>24</v>
      </c>
      <c r="I156" s="21">
        <v>331</v>
      </c>
      <c r="J156" s="21">
        <v>15</v>
      </c>
      <c r="K156" s="21">
        <v>605</v>
      </c>
      <c r="L156" s="21">
        <v>0</v>
      </c>
      <c r="M156" s="21">
        <v>0</v>
      </c>
      <c r="N156" s="21">
        <v>0</v>
      </c>
      <c r="O156" s="21">
        <v>0</v>
      </c>
      <c r="P156" s="21">
        <v>15</v>
      </c>
      <c r="Q156" s="21">
        <v>605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39</v>
      </c>
      <c r="G159" s="19">
        <v>936</v>
      </c>
      <c r="H159" s="19">
        <v>24</v>
      </c>
      <c r="I159" s="19">
        <v>331</v>
      </c>
      <c r="J159" s="19">
        <v>15</v>
      </c>
      <c r="K159" s="19">
        <v>605</v>
      </c>
      <c r="L159" s="19">
        <v>0</v>
      </c>
      <c r="M159" s="19">
        <v>0</v>
      </c>
      <c r="N159" s="19">
        <v>0</v>
      </c>
      <c r="O159" s="19">
        <v>0</v>
      </c>
      <c r="P159" s="19">
        <v>15</v>
      </c>
      <c r="Q159" s="19">
        <v>605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75</v>
      </c>
      <c r="G164" s="21">
        <v>6294</v>
      </c>
      <c r="H164" s="21">
        <v>9</v>
      </c>
      <c r="I164" s="21">
        <v>891</v>
      </c>
      <c r="J164" s="21">
        <v>66</v>
      </c>
      <c r="K164" s="21">
        <v>5403</v>
      </c>
      <c r="L164" s="21">
        <v>0</v>
      </c>
      <c r="M164" s="21">
        <v>0</v>
      </c>
      <c r="N164" s="21">
        <v>66</v>
      </c>
      <c r="O164" s="21">
        <v>5403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9</v>
      </c>
      <c r="G165" s="16">
        <v>891</v>
      </c>
      <c r="H165" s="16">
        <v>9</v>
      </c>
      <c r="I165" s="16">
        <v>891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66</v>
      </c>
      <c r="G167" s="19">
        <v>5403</v>
      </c>
      <c r="H167" s="19">
        <v>0</v>
      </c>
      <c r="I167" s="19">
        <v>0</v>
      </c>
      <c r="J167" s="19">
        <v>66</v>
      </c>
      <c r="K167" s="19">
        <v>5403</v>
      </c>
      <c r="L167" s="19">
        <v>0</v>
      </c>
      <c r="M167" s="19">
        <v>0</v>
      </c>
      <c r="N167" s="19">
        <v>66</v>
      </c>
      <c r="O167" s="19">
        <v>5403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311</v>
      </c>
      <c r="G168" s="21">
        <v>12816</v>
      </c>
      <c r="H168" s="21">
        <v>68</v>
      </c>
      <c r="I168" s="21">
        <v>4160</v>
      </c>
      <c r="J168" s="21">
        <v>243</v>
      </c>
      <c r="K168" s="21">
        <v>8656</v>
      </c>
      <c r="L168" s="21">
        <v>0</v>
      </c>
      <c r="M168" s="21">
        <v>0</v>
      </c>
      <c r="N168" s="21">
        <v>215</v>
      </c>
      <c r="O168" s="21">
        <v>7537</v>
      </c>
      <c r="P168" s="21">
        <v>28</v>
      </c>
      <c r="Q168" s="21">
        <v>1119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38</v>
      </c>
      <c r="G169" s="16">
        <v>3986</v>
      </c>
      <c r="H169" s="16">
        <v>35</v>
      </c>
      <c r="I169" s="16">
        <v>3618</v>
      </c>
      <c r="J169" s="16">
        <v>3</v>
      </c>
      <c r="K169" s="16">
        <v>368</v>
      </c>
      <c r="L169" s="16">
        <v>0</v>
      </c>
      <c r="M169" s="16">
        <v>0</v>
      </c>
      <c r="N169" s="16">
        <v>0</v>
      </c>
      <c r="O169" s="16">
        <v>0</v>
      </c>
      <c r="P169" s="16">
        <v>3</v>
      </c>
      <c r="Q169" s="16">
        <v>368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273</v>
      </c>
      <c r="G171" s="19">
        <v>8830</v>
      </c>
      <c r="H171" s="19">
        <v>33</v>
      </c>
      <c r="I171" s="19">
        <v>542</v>
      </c>
      <c r="J171" s="19">
        <v>240</v>
      </c>
      <c r="K171" s="19">
        <v>8288</v>
      </c>
      <c r="L171" s="19">
        <v>0</v>
      </c>
      <c r="M171" s="19">
        <v>0</v>
      </c>
      <c r="N171" s="19">
        <v>215</v>
      </c>
      <c r="O171" s="19">
        <v>7537</v>
      </c>
      <c r="P171" s="19">
        <v>25</v>
      </c>
      <c r="Q171" s="19">
        <v>751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2</v>
      </c>
      <c r="G172" s="21">
        <v>1283</v>
      </c>
      <c r="H172" s="21">
        <v>9</v>
      </c>
      <c r="I172" s="21">
        <v>915</v>
      </c>
      <c r="J172" s="21">
        <v>3</v>
      </c>
      <c r="K172" s="21">
        <v>368</v>
      </c>
      <c r="L172" s="21">
        <v>0</v>
      </c>
      <c r="M172" s="21">
        <v>0</v>
      </c>
      <c r="N172" s="21">
        <v>0</v>
      </c>
      <c r="O172" s="21">
        <v>0</v>
      </c>
      <c r="P172" s="21">
        <v>3</v>
      </c>
      <c r="Q172" s="21">
        <v>368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2</v>
      </c>
      <c r="G173" s="16">
        <v>1283</v>
      </c>
      <c r="H173" s="16">
        <v>9</v>
      </c>
      <c r="I173" s="16">
        <v>915</v>
      </c>
      <c r="J173" s="16">
        <v>3</v>
      </c>
      <c r="K173" s="16">
        <v>368</v>
      </c>
      <c r="L173" s="16">
        <v>0</v>
      </c>
      <c r="M173" s="16">
        <v>0</v>
      </c>
      <c r="N173" s="16">
        <v>0</v>
      </c>
      <c r="O173" s="16">
        <v>0</v>
      </c>
      <c r="P173" s="16">
        <v>3</v>
      </c>
      <c r="Q173" s="16">
        <v>368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47</v>
      </c>
      <c r="G176" s="21">
        <v>1034</v>
      </c>
      <c r="H176" s="21">
        <v>23</v>
      </c>
      <c r="I176" s="21">
        <v>366</v>
      </c>
      <c r="J176" s="21">
        <v>24</v>
      </c>
      <c r="K176" s="21">
        <v>668</v>
      </c>
      <c r="L176" s="21">
        <v>0</v>
      </c>
      <c r="M176" s="21">
        <v>0</v>
      </c>
      <c r="N176" s="21">
        <v>0</v>
      </c>
      <c r="O176" s="21">
        <v>0</v>
      </c>
      <c r="P176" s="21">
        <v>24</v>
      </c>
      <c r="Q176" s="21">
        <v>668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47</v>
      </c>
      <c r="G179" s="19">
        <v>1034</v>
      </c>
      <c r="H179" s="19">
        <v>23</v>
      </c>
      <c r="I179" s="19">
        <v>366</v>
      </c>
      <c r="J179" s="19">
        <v>24</v>
      </c>
      <c r="K179" s="19">
        <v>668</v>
      </c>
      <c r="L179" s="19">
        <v>0</v>
      </c>
      <c r="M179" s="19">
        <v>0</v>
      </c>
      <c r="N179" s="19">
        <v>0</v>
      </c>
      <c r="O179" s="19">
        <v>0</v>
      </c>
      <c r="P179" s="19">
        <v>24</v>
      </c>
      <c r="Q179" s="19">
        <v>668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252</v>
      </c>
      <c r="G184" s="21">
        <v>10499</v>
      </c>
      <c r="H184" s="21">
        <v>36</v>
      </c>
      <c r="I184" s="21">
        <v>2879</v>
      </c>
      <c r="J184" s="21">
        <v>216</v>
      </c>
      <c r="K184" s="21">
        <v>7620</v>
      </c>
      <c r="L184" s="21">
        <v>0</v>
      </c>
      <c r="M184" s="21">
        <v>0</v>
      </c>
      <c r="N184" s="21">
        <v>215</v>
      </c>
      <c r="O184" s="21">
        <v>7537</v>
      </c>
      <c r="P184" s="21">
        <v>1</v>
      </c>
      <c r="Q184" s="21">
        <v>83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26</v>
      </c>
      <c r="G185" s="16">
        <v>2703</v>
      </c>
      <c r="H185" s="16">
        <v>26</v>
      </c>
      <c r="I185" s="16">
        <v>2703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226</v>
      </c>
      <c r="G187" s="19">
        <v>7796</v>
      </c>
      <c r="H187" s="19">
        <v>10</v>
      </c>
      <c r="I187" s="19">
        <v>176</v>
      </c>
      <c r="J187" s="19">
        <v>216</v>
      </c>
      <c r="K187" s="19">
        <v>7620</v>
      </c>
      <c r="L187" s="19">
        <v>0</v>
      </c>
      <c r="M187" s="19">
        <v>0</v>
      </c>
      <c r="N187" s="19">
        <v>215</v>
      </c>
      <c r="O187" s="19">
        <v>7537</v>
      </c>
      <c r="P187" s="19">
        <v>1</v>
      </c>
      <c r="Q187" s="19">
        <v>83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12</v>
      </c>
      <c r="G188" s="21">
        <v>8930</v>
      </c>
      <c r="H188" s="21">
        <v>58</v>
      </c>
      <c r="I188" s="21">
        <v>4572</v>
      </c>
      <c r="J188" s="21">
        <v>54</v>
      </c>
      <c r="K188" s="21">
        <v>4358</v>
      </c>
      <c r="L188" s="21">
        <v>0</v>
      </c>
      <c r="M188" s="21">
        <v>0</v>
      </c>
      <c r="N188" s="21">
        <v>51</v>
      </c>
      <c r="O188" s="21">
        <v>4061</v>
      </c>
      <c r="P188" s="21">
        <v>3</v>
      </c>
      <c r="Q188" s="21">
        <v>297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46</v>
      </c>
      <c r="G189" s="16">
        <v>4569</v>
      </c>
      <c r="H189" s="16">
        <v>43</v>
      </c>
      <c r="I189" s="16">
        <v>4272</v>
      </c>
      <c r="J189" s="16">
        <v>3</v>
      </c>
      <c r="K189" s="16">
        <v>297</v>
      </c>
      <c r="L189" s="16">
        <v>0</v>
      </c>
      <c r="M189" s="16">
        <v>0</v>
      </c>
      <c r="N189" s="16">
        <v>0</v>
      </c>
      <c r="O189" s="16">
        <v>0</v>
      </c>
      <c r="P189" s="16">
        <v>3</v>
      </c>
      <c r="Q189" s="16">
        <v>297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66</v>
      </c>
      <c r="G191" s="19">
        <v>4361</v>
      </c>
      <c r="H191" s="19">
        <v>15</v>
      </c>
      <c r="I191" s="19">
        <v>300</v>
      </c>
      <c r="J191" s="19">
        <v>51</v>
      </c>
      <c r="K191" s="19">
        <v>4061</v>
      </c>
      <c r="L191" s="19">
        <v>0</v>
      </c>
      <c r="M191" s="19">
        <v>0</v>
      </c>
      <c r="N191" s="19">
        <v>51</v>
      </c>
      <c r="O191" s="19">
        <v>4061</v>
      </c>
      <c r="P191" s="19">
        <v>0</v>
      </c>
      <c r="Q191" s="19">
        <v>0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8</v>
      </c>
      <c r="G192" s="21">
        <v>823</v>
      </c>
      <c r="H192" s="21">
        <v>5</v>
      </c>
      <c r="I192" s="21">
        <v>526</v>
      </c>
      <c r="J192" s="21">
        <v>3</v>
      </c>
      <c r="K192" s="21">
        <v>297</v>
      </c>
      <c r="L192" s="21">
        <v>0</v>
      </c>
      <c r="M192" s="21">
        <v>0</v>
      </c>
      <c r="N192" s="21">
        <v>0</v>
      </c>
      <c r="O192" s="21">
        <v>0</v>
      </c>
      <c r="P192" s="21">
        <v>3</v>
      </c>
      <c r="Q192" s="21">
        <v>297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8</v>
      </c>
      <c r="G193" s="16">
        <v>823</v>
      </c>
      <c r="H193" s="16">
        <v>5</v>
      </c>
      <c r="I193" s="16">
        <v>526</v>
      </c>
      <c r="J193" s="16">
        <v>3</v>
      </c>
      <c r="K193" s="16">
        <v>297</v>
      </c>
      <c r="L193" s="16">
        <v>0</v>
      </c>
      <c r="M193" s="16">
        <v>0</v>
      </c>
      <c r="N193" s="16">
        <v>0</v>
      </c>
      <c r="O193" s="16">
        <v>0</v>
      </c>
      <c r="P193" s="16">
        <v>3</v>
      </c>
      <c r="Q193" s="16">
        <v>297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15</v>
      </c>
      <c r="G196" s="21">
        <v>300</v>
      </c>
      <c r="H196" s="21">
        <v>15</v>
      </c>
      <c r="I196" s="21">
        <v>300</v>
      </c>
      <c r="J196" s="21">
        <v>0</v>
      </c>
      <c r="K196" s="21">
        <v>0</v>
      </c>
      <c r="L196" s="21">
        <v>0</v>
      </c>
      <c r="M196" s="21">
        <v>0</v>
      </c>
      <c r="N196" s="21">
        <v>0</v>
      </c>
      <c r="O196" s="21">
        <v>0</v>
      </c>
      <c r="P196" s="21">
        <v>0</v>
      </c>
      <c r="Q196" s="21">
        <v>0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15</v>
      </c>
      <c r="G199" s="19">
        <v>300</v>
      </c>
      <c r="H199" s="19">
        <v>15</v>
      </c>
      <c r="I199" s="19">
        <v>300</v>
      </c>
      <c r="J199" s="19">
        <v>0</v>
      </c>
      <c r="K199" s="19">
        <v>0</v>
      </c>
      <c r="L199" s="19">
        <v>0</v>
      </c>
      <c r="M199" s="19">
        <v>0</v>
      </c>
      <c r="N199" s="19">
        <v>0</v>
      </c>
      <c r="O199" s="19">
        <v>0</v>
      </c>
      <c r="P199" s="19">
        <v>0</v>
      </c>
      <c r="Q199" s="19">
        <v>0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89</v>
      </c>
      <c r="G204" s="21">
        <v>7807</v>
      </c>
      <c r="H204" s="21">
        <v>38</v>
      </c>
      <c r="I204" s="21">
        <v>3746</v>
      </c>
      <c r="J204" s="21">
        <v>51</v>
      </c>
      <c r="K204" s="21">
        <v>4061</v>
      </c>
      <c r="L204" s="21">
        <v>0</v>
      </c>
      <c r="M204" s="21">
        <v>0</v>
      </c>
      <c r="N204" s="21">
        <v>51</v>
      </c>
      <c r="O204" s="21">
        <v>4061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38</v>
      </c>
      <c r="G205" s="16">
        <v>3746</v>
      </c>
      <c r="H205" s="16">
        <v>38</v>
      </c>
      <c r="I205" s="16">
        <v>3746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51</v>
      </c>
      <c r="G207" s="19">
        <v>4061</v>
      </c>
      <c r="H207" s="19">
        <v>0</v>
      </c>
      <c r="I207" s="19">
        <v>0</v>
      </c>
      <c r="J207" s="19">
        <v>51</v>
      </c>
      <c r="K207" s="19">
        <v>4061</v>
      </c>
      <c r="L207" s="19">
        <v>0</v>
      </c>
      <c r="M207" s="19">
        <v>0</v>
      </c>
      <c r="N207" s="19">
        <v>51</v>
      </c>
      <c r="O207" s="19">
        <v>4061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96</v>
      </c>
      <c r="G208" s="21">
        <v>6292</v>
      </c>
      <c r="H208" s="21">
        <v>81</v>
      </c>
      <c r="I208" s="21">
        <v>5492</v>
      </c>
      <c r="J208" s="21">
        <v>15</v>
      </c>
      <c r="K208" s="21">
        <v>800</v>
      </c>
      <c r="L208" s="21">
        <v>0</v>
      </c>
      <c r="M208" s="21">
        <v>0</v>
      </c>
      <c r="N208" s="21">
        <v>0</v>
      </c>
      <c r="O208" s="21">
        <v>0</v>
      </c>
      <c r="P208" s="21">
        <v>15</v>
      </c>
      <c r="Q208" s="21">
        <v>800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47</v>
      </c>
      <c r="G209" s="16">
        <v>4764</v>
      </c>
      <c r="H209" s="16">
        <v>46</v>
      </c>
      <c r="I209" s="16">
        <v>4607</v>
      </c>
      <c r="J209" s="16">
        <v>1</v>
      </c>
      <c r="K209" s="16">
        <v>157</v>
      </c>
      <c r="L209" s="16">
        <v>0</v>
      </c>
      <c r="M209" s="16">
        <v>0</v>
      </c>
      <c r="N209" s="16">
        <v>0</v>
      </c>
      <c r="O209" s="16">
        <v>0</v>
      </c>
      <c r="P209" s="16">
        <v>1</v>
      </c>
      <c r="Q209" s="16">
        <v>157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49</v>
      </c>
      <c r="G211" s="19">
        <v>1528</v>
      </c>
      <c r="H211" s="19">
        <v>35</v>
      </c>
      <c r="I211" s="19">
        <v>885</v>
      </c>
      <c r="J211" s="19">
        <v>14</v>
      </c>
      <c r="K211" s="19">
        <v>643</v>
      </c>
      <c r="L211" s="19">
        <v>0</v>
      </c>
      <c r="M211" s="19">
        <v>0</v>
      </c>
      <c r="N211" s="19">
        <v>0</v>
      </c>
      <c r="O211" s="19">
        <v>0</v>
      </c>
      <c r="P211" s="19">
        <v>14</v>
      </c>
      <c r="Q211" s="19">
        <v>643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2</v>
      </c>
      <c r="G212" s="21">
        <v>1277</v>
      </c>
      <c r="H212" s="21">
        <v>11</v>
      </c>
      <c r="I212" s="21">
        <v>1120</v>
      </c>
      <c r="J212" s="21">
        <v>1</v>
      </c>
      <c r="K212" s="21">
        <v>157</v>
      </c>
      <c r="L212" s="21">
        <v>0</v>
      </c>
      <c r="M212" s="21">
        <v>0</v>
      </c>
      <c r="N212" s="21">
        <v>0</v>
      </c>
      <c r="O212" s="21">
        <v>0</v>
      </c>
      <c r="P212" s="21">
        <v>1</v>
      </c>
      <c r="Q212" s="21">
        <v>157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2</v>
      </c>
      <c r="G213" s="16">
        <v>1277</v>
      </c>
      <c r="H213" s="16">
        <v>11</v>
      </c>
      <c r="I213" s="16">
        <v>1120</v>
      </c>
      <c r="J213" s="16">
        <v>1</v>
      </c>
      <c r="K213" s="16">
        <v>157</v>
      </c>
      <c r="L213" s="16">
        <v>0</v>
      </c>
      <c r="M213" s="16">
        <v>0</v>
      </c>
      <c r="N213" s="16">
        <v>0</v>
      </c>
      <c r="O213" s="16">
        <v>0</v>
      </c>
      <c r="P213" s="16">
        <v>1</v>
      </c>
      <c r="Q213" s="16">
        <v>157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43</v>
      </c>
      <c r="G216" s="21">
        <v>1408</v>
      </c>
      <c r="H216" s="21">
        <v>29</v>
      </c>
      <c r="I216" s="21">
        <v>765</v>
      </c>
      <c r="J216" s="21">
        <v>14</v>
      </c>
      <c r="K216" s="21">
        <v>643</v>
      </c>
      <c r="L216" s="21">
        <v>0</v>
      </c>
      <c r="M216" s="21">
        <v>0</v>
      </c>
      <c r="N216" s="21">
        <v>0</v>
      </c>
      <c r="O216" s="21">
        <v>0</v>
      </c>
      <c r="P216" s="21">
        <v>14</v>
      </c>
      <c r="Q216" s="21">
        <v>643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43</v>
      </c>
      <c r="G219" s="19">
        <v>1408</v>
      </c>
      <c r="H219" s="19">
        <v>29</v>
      </c>
      <c r="I219" s="19">
        <v>765</v>
      </c>
      <c r="J219" s="19">
        <v>14</v>
      </c>
      <c r="K219" s="19">
        <v>643</v>
      </c>
      <c r="L219" s="19">
        <v>0</v>
      </c>
      <c r="M219" s="19">
        <v>0</v>
      </c>
      <c r="N219" s="19">
        <v>0</v>
      </c>
      <c r="O219" s="19">
        <v>0</v>
      </c>
      <c r="P219" s="19">
        <v>14</v>
      </c>
      <c r="Q219" s="19">
        <v>643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41</v>
      </c>
      <c r="G224" s="21">
        <v>3607</v>
      </c>
      <c r="H224" s="21">
        <v>41</v>
      </c>
      <c r="I224" s="21">
        <v>3607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35</v>
      </c>
      <c r="G225" s="16">
        <v>3487</v>
      </c>
      <c r="H225" s="16">
        <v>35</v>
      </c>
      <c r="I225" s="16">
        <v>3487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6</v>
      </c>
      <c r="G227" s="19">
        <v>120</v>
      </c>
      <c r="H227" s="19">
        <v>6</v>
      </c>
      <c r="I227" s="19">
        <v>12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54</v>
      </c>
      <c r="G228" s="21">
        <v>3769</v>
      </c>
      <c r="H228" s="21">
        <v>49</v>
      </c>
      <c r="I228" s="21">
        <v>3123</v>
      </c>
      <c r="J228" s="21">
        <v>5</v>
      </c>
      <c r="K228" s="21">
        <v>646</v>
      </c>
      <c r="L228" s="21">
        <v>0</v>
      </c>
      <c r="M228" s="21">
        <v>0</v>
      </c>
      <c r="N228" s="21">
        <v>0</v>
      </c>
      <c r="O228" s="21">
        <v>0</v>
      </c>
      <c r="P228" s="21">
        <v>4</v>
      </c>
      <c r="Q228" s="21">
        <v>564</v>
      </c>
      <c r="R228" s="21">
        <v>0</v>
      </c>
      <c r="S228" s="21">
        <v>0</v>
      </c>
      <c r="T228" s="21">
        <v>1</v>
      </c>
      <c r="U228" s="21">
        <v>82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32</v>
      </c>
      <c r="G229" s="16">
        <v>3482</v>
      </c>
      <c r="H229" s="16">
        <v>27</v>
      </c>
      <c r="I229" s="16">
        <v>2836</v>
      </c>
      <c r="J229" s="16">
        <v>5</v>
      </c>
      <c r="K229" s="16">
        <v>646</v>
      </c>
      <c r="L229" s="16">
        <v>0</v>
      </c>
      <c r="M229" s="16">
        <v>0</v>
      </c>
      <c r="N229" s="16">
        <v>0</v>
      </c>
      <c r="O229" s="16">
        <v>0</v>
      </c>
      <c r="P229" s="16">
        <v>4</v>
      </c>
      <c r="Q229" s="16">
        <v>564</v>
      </c>
      <c r="R229" s="16">
        <v>0</v>
      </c>
      <c r="S229" s="16">
        <v>0</v>
      </c>
      <c r="T229" s="16">
        <v>1</v>
      </c>
      <c r="U229" s="16">
        <v>82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22</v>
      </c>
      <c r="G231" s="19">
        <v>287</v>
      </c>
      <c r="H231" s="19">
        <v>22</v>
      </c>
      <c r="I231" s="19">
        <v>287</v>
      </c>
      <c r="J231" s="19">
        <v>0</v>
      </c>
      <c r="K231" s="19">
        <v>0</v>
      </c>
      <c r="L231" s="19">
        <v>0</v>
      </c>
      <c r="M231" s="19">
        <v>0</v>
      </c>
      <c r="N231" s="19">
        <v>0</v>
      </c>
      <c r="O231" s="19">
        <v>0</v>
      </c>
      <c r="P231" s="19">
        <v>0</v>
      </c>
      <c r="Q231" s="19">
        <v>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3</v>
      </c>
      <c r="G232" s="21">
        <v>1542</v>
      </c>
      <c r="H232" s="21">
        <v>8</v>
      </c>
      <c r="I232" s="21">
        <v>896</v>
      </c>
      <c r="J232" s="21">
        <v>5</v>
      </c>
      <c r="K232" s="21">
        <v>646</v>
      </c>
      <c r="L232" s="21">
        <v>0</v>
      </c>
      <c r="M232" s="21">
        <v>0</v>
      </c>
      <c r="N232" s="21">
        <v>0</v>
      </c>
      <c r="O232" s="21">
        <v>0</v>
      </c>
      <c r="P232" s="21">
        <v>4</v>
      </c>
      <c r="Q232" s="21">
        <v>564</v>
      </c>
      <c r="R232" s="21">
        <v>0</v>
      </c>
      <c r="S232" s="21">
        <v>0</v>
      </c>
      <c r="T232" s="21">
        <v>1</v>
      </c>
      <c r="U232" s="21">
        <v>82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3</v>
      </c>
      <c r="G233" s="16">
        <v>1542</v>
      </c>
      <c r="H233" s="16">
        <v>8</v>
      </c>
      <c r="I233" s="16">
        <v>896</v>
      </c>
      <c r="J233" s="16">
        <v>5</v>
      </c>
      <c r="K233" s="16">
        <v>646</v>
      </c>
      <c r="L233" s="16">
        <v>0</v>
      </c>
      <c r="M233" s="16">
        <v>0</v>
      </c>
      <c r="N233" s="16">
        <v>0</v>
      </c>
      <c r="O233" s="16">
        <v>0</v>
      </c>
      <c r="P233" s="16">
        <v>4</v>
      </c>
      <c r="Q233" s="16">
        <v>564</v>
      </c>
      <c r="R233" s="16">
        <v>0</v>
      </c>
      <c r="S233" s="16">
        <v>0</v>
      </c>
      <c r="T233" s="16">
        <v>1</v>
      </c>
      <c r="U233" s="16">
        <v>82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22</v>
      </c>
      <c r="G236" s="21">
        <v>287</v>
      </c>
      <c r="H236" s="21">
        <v>22</v>
      </c>
      <c r="I236" s="21">
        <v>287</v>
      </c>
      <c r="J236" s="21">
        <v>0</v>
      </c>
      <c r="K236" s="21">
        <v>0</v>
      </c>
      <c r="L236" s="21">
        <v>0</v>
      </c>
      <c r="M236" s="21">
        <v>0</v>
      </c>
      <c r="N236" s="21">
        <v>0</v>
      </c>
      <c r="O236" s="21">
        <v>0</v>
      </c>
      <c r="P236" s="21">
        <v>0</v>
      </c>
      <c r="Q236" s="21">
        <v>0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22</v>
      </c>
      <c r="G239" s="19">
        <v>287</v>
      </c>
      <c r="H239" s="19">
        <v>22</v>
      </c>
      <c r="I239" s="19">
        <v>287</v>
      </c>
      <c r="J239" s="19">
        <v>0</v>
      </c>
      <c r="K239" s="19">
        <v>0</v>
      </c>
      <c r="L239" s="19">
        <v>0</v>
      </c>
      <c r="M239" s="19">
        <v>0</v>
      </c>
      <c r="N239" s="19">
        <v>0</v>
      </c>
      <c r="O239" s="19">
        <v>0</v>
      </c>
      <c r="P239" s="19">
        <v>0</v>
      </c>
      <c r="Q239" s="19">
        <v>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19</v>
      </c>
      <c r="G244" s="21">
        <v>1940</v>
      </c>
      <c r="H244" s="21">
        <v>19</v>
      </c>
      <c r="I244" s="21">
        <v>1940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19</v>
      </c>
      <c r="G245" s="16">
        <v>1940</v>
      </c>
      <c r="H245" s="16">
        <v>19</v>
      </c>
      <c r="I245" s="16">
        <v>194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220</v>
      </c>
      <c r="G248" s="21">
        <v>14551</v>
      </c>
      <c r="H248" s="21">
        <v>77</v>
      </c>
      <c r="I248" s="21">
        <v>6420</v>
      </c>
      <c r="J248" s="21">
        <v>143</v>
      </c>
      <c r="K248" s="21">
        <v>8131</v>
      </c>
      <c r="L248" s="21">
        <v>0</v>
      </c>
      <c r="M248" s="21">
        <v>0</v>
      </c>
      <c r="N248" s="21">
        <v>58</v>
      </c>
      <c r="O248" s="21">
        <v>4640</v>
      </c>
      <c r="P248" s="21">
        <v>85</v>
      </c>
      <c r="Q248" s="21">
        <v>3491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63</v>
      </c>
      <c r="G249" s="16">
        <v>6403</v>
      </c>
      <c r="H249" s="16">
        <v>60</v>
      </c>
      <c r="I249" s="16">
        <v>5887</v>
      </c>
      <c r="J249" s="16">
        <v>3</v>
      </c>
      <c r="K249" s="16">
        <v>516</v>
      </c>
      <c r="L249" s="16">
        <v>0</v>
      </c>
      <c r="M249" s="16">
        <v>0</v>
      </c>
      <c r="N249" s="16">
        <v>0</v>
      </c>
      <c r="O249" s="16">
        <v>0</v>
      </c>
      <c r="P249" s="16">
        <v>3</v>
      </c>
      <c r="Q249" s="16">
        <v>516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157</v>
      </c>
      <c r="G251" s="19">
        <v>8148</v>
      </c>
      <c r="H251" s="19">
        <v>17</v>
      </c>
      <c r="I251" s="19">
        <v>533</v>
      </c>
      <c r="J251" s="19">
        <v>140</v>
      </c>
      <c r="K251" s="19">
        <v>7615</v>
      </c>
      <c r="L251" s="19">
        <v>0</v>
      </c>
      <c r="M251" s="19">
        <v>0</v>
      </c>
      <c r="N251" s="19">
        <v>58</v>
      </c>
      <c r="O251" s="19">
        <v>4640</v>
      </c>
      <c r="P251" s="19">
        <v>82</v>
      </c>
      <c r="Q251" s="19">
        <v>2975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28</v>
      </c>
      <c r="G252" s="21">
        <v>2962</v>
      </c>
      <c r="H252" s="21">
        <v>24</v>
      </c>
      <c r="I252" s="21">
        <v>2357</v>
      </c>
      <c r="J252" s="21">
        <v>4</v>
      </c>
      <c r="K252" s="21">
        <v>605</v>
      </c>
      <c r="L252" s="21">
        <v>0</v>
      </c>
      <c r="M252" s="21">
        <v>0</v>
      </c>
      <c r="N252" s="21">
        <v>0</v>
      </c>
      <c r="O252" s="21">
        <v>0</v>
      </c>
      <c r="P252" s="21">
        <v>4</v>
      </c>
      <c r="Q252" s="21">
        <v>605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27</v>
      </c>
      <c r="G253" s="16">
        <v>2873</v>
      </c>
      <c r="H253" s="16">
        <v>24</v>
      </c>
      <c r="I253" s="16">
        <v>2357</v>
      </c>
      <c r="J253" s="16">
        <v>3</v>
      </c>
      <c r="K253" s="16">
        <v>516</v>
      </c>
      <c r="L253" s="16">
        <v>0</v>
      </c>
      <c r="M253" s="16">
        <v>0</v>
      </c>
      <c r="N253" s="16">
        <v>0</v>
      </c>
      <c r="O253" s="16">
        <v>0</v>
      </c>
      <c r="P253" s="16">
        <v>3</v>
      </c>
      <c r="Q253" s="16">
        <v>516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1</v>
      </c>
      <c r="G255" s="19">
        <v>89</v>
      </c>
      <c r="H255" s="19">
        <v>0</v>
      </c>
      <c r="I255" s="19">
        <v>0</v>
      </c>
      <c r="J255" s="19">
        <v>1</v>
      </c>
      <c r="K255" s="19">
        <v>89</v>
      </c>
      <c r="L255" s="19">
        <v>0</v>
      </c>
      <c r="M255" s="19">
        <v>0</v>
      </c>
      <c r="N255" s="19">
        <v>0</v>
      </c>
      <c r="O255" s="19">
        <v>0</v>
      </c>
      <c r="P255" s="19">
        <v>1</v>
      </c>
      <c r="Q255" s="19">
        <v>89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98</v>
      </c>
      <c r="G256" s="21">
        <v>3419</v>
      </c>
      <c r="H256" s="21">
        <v>17</v>
      </c>
      <c r="I256" s="21">
        <v>533</v>
      </c>
      <c r="J256" s="21">
        <v>81</v>
      </c>
      <c r="K256" s="21">
        <v>2886</v>
      </c>
      <c r="L256" s="21">
        <v>0</v>
      </c>
      <c r="M256" s="21">
        <v>0</v>
      </c>
      <c r="N256" s="21">
        <v>0</v>
      </c>
      <c r="O256" s="21">
        <v>0</v>
      </c>
      <c r="P256" s="21">
        <v>81</v>
      </c>
      <c r="Q256" s="21">
        <v>2886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98</v>
      </c>
      <c r="G259" s="19">
        <v>3419</v>
      </c>
      <c r="H259" s="19">
        <v>17</v>
      </c>
      <c r="I259" s="19">
        <v>533</v>
      </c>
      <c r="J259" s="19">
        <v>81</v>
      </c>
      <c r="K259" s="19">
        <v>2886</v>
      </c>
      <c r="L259" s="19">
        <v>0</v>
      </c>
      <c r="M259" s="19">
        <v>0</v>
      </c>
      <c r="N259" s="19">
        <v>0</v>
      </c>
      <c r="O259" s="19">
        <v>0</v>
      </c>
      <c r="P259" s="19">
        <v>81</v>
      </c>
      <c r="Q259" s="19">
        <v>2886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94</v>
      </c>
      <c r="G264" s="21">
        <v>8170</v>
      </c>
      <c r="H264" s="21">
        <v>36</v>
      </c>
      <c r="I264" s="21">
        <v>3530</v>
      </c>
      <c r="J264" s="21">
        <v>58</v>
      </c>
      <c r="K264" s="21">
        <v>4640</v>
      </c>
      <c r="L264" s="21">
        <v>0</v>
      </c>
      <c r="M264" s="21">
        <v>0</v>
      </c>
      <c r="N264" s="21">
        <v>58</v>
      </c>
      <c r="O264" s="21">
        <v>4640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36</v>
      </c>
      <c r="G265" s="16">
        <v>3530</v>
      </c>
      <c r="H265" s="16">
        <v>36</v>
      </c>
      <c r="I265" s="16">
        <v>353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58</v>
      </c>
      <c r="G267" s="19">
        <v>4640</v>
      </c>
      <c r="H267" s="19">
        <v>0</v>
      </c>
      <c r="I267" s="19">
        <v>0</v>
      </c>
      <c r="J267" s="19">
        <v>58</v>
      </c>
      <c r="K267" s="19">
        <v>4640</v>
      </c>
      <c r="L267" s="19">
        <v>0</v>
      </c>
      <c r="M267" s="19">
        <v>0</v>
      </c>
      <c r="N267" s="19">
        <v>58</v>
      </c>
      <c r="O267" s="19">
        <v>4640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83</v>
      </c>
      <c r="G268" s="21">
        <v>6670</v>
      </c>
      <c r="H268" s="21">
        <v>60</v>
      </c>
      <c r="I268" s="21">
        <v>5085</v>
      </c>
      <c r="J268" s="21">
        <v>23</v>
      </c>
      <c r="K268" s="21">
        <v>1585</v>
      </c>
      <c r="L268" s="21">
        <v>0</v>
      </c>
      <c r="M268" s="21">
        <v>0</v>
      </c>
      <c r="N268" s="21">
        <v>13</v>
      </c>
      <c r="O268" s="21">
        <v>878</v>
      </c>
      <c r="P268" s="21">
        <v>10</v>
      </c>
      <c r="Q268" s="21">
        <v>707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50</v>
      </c>
      <c r="G269" s="16">
        <v>5210</v>
      </c>
      <c r="H269" s="16">
        <v>46</v>
      </c>
      <c r="I269" s="16">
        <v>4737</v>
      </c>
      <c r="J269" s="16">
        <v>4</v>
      </c>
      <c r="K269" s="16">
        <v>473</v>
      </c>
      <c r="L269" s="16">
        <v>0</v>
      </c>
      <c r="M269" s="16">
        <v>0</v>
      </c>
      <c r="N269" s="16">
        <v>0</v>
      </c>
      <c r="O269" s="16">
        <v>0</v>
      </c>
      <c r="P269" s="16">
        <v>4</v>
      </c>
      <c r="Q269" s="16">
        <v>473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33</v>
      </c>
      <c r="G271" s="19">
        <v>1460</v>
      </c>
      <c r="H271" s="19">
        <v>14</v>
      </c>
      <c r="I271" s="19">
        <v>348</v>
      </c>
      <c r="J271" s="19">
        <v>19</v>
      </c>
      <c r="K271" s="19">
        <v>1112</v>
      </c>
      <c r="L271" s="19">
        <v>0</v>
      </c>
      <c r="M271" s="19">
        <v>0</v>
      </c>
      <c r="N271" s="19">
        <v>13</v>
      </c>
      <c r="O271" s="19">
        <v>878</v>
      </c>
      <c r="P271" s="19">
        <v>6</v>
      </c>
      <c r="Q271" s="19">
        <v>234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22</v>
      </c>
      <c r="G272" s="21">
        <v>2551</v>
      </c>
      <c r="H272" s="21">
        <v>19</v>
      </c>
      <c r="I272" s="21">
        <v>2159</v>
      </c>
      <c r="J272" s="21">
        <v>3</v>
      </c>
      <c r="K272" s="21">
        <v>392</v>
      </c>
      <c r="L272" s="21">
        <v>0</v>
      </c>
      <c r="M272" s="21">
        <v>0</v>
      </c>
      <c r="N272" s="21">
        <v>0</v>
      </c>
      <c r="O272" s="21">
        <v>0</v>
      </c>
      <c r="P272" s="21">
        <v>3</v>
      </c>
      <c r="Q272" s="21">
        <v>392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2</v>
      </c>
      <c r="G273" s="16">
        <v>2551</v>
      </c>
      <c r="H273" s="16">
        <v>19</v>
      </c>
      <c r="I273" s="16">
        <v>2159</v>
      </c>
      <c r="J273" s="16">
        <v>3</v>
      </c>
      <c r="K273" s="16">
        <v>392</v>
      </c>
      <c r="L273" s="16">
        <v>0</v>
      </c>
      <c r="M273" s="16">
        <v>0</v>
      </c>
      <c r="N273" s="16">
        <v>0</v>
      </c>
      <c r="O273" s="16">
        <v>0</v>
      </c>
      <c r="P273" s="16">
        <v>3</v>
      </c>
      <c r="Q273" s="16">
        <v>392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26</v>
      </c>
      <c r="G276" s="21">
        <v>1378</v>
      </c>
      <c r="H276" s="21">
        <v>6</v>
      </c>
      <c r="I276" s="21">
        <v>185</v>
      </c>
      <c r="J276" s="21">
        <v>20</v>
      </c>
      <c r="K276" s="21">
        <v>1193</v>
      </c>
      <c r="L276" s="21">
        <v>0</v>
      </c>
      <c r="M276" s="21">
        <v>0</v>
      </c>
      <c r="N276" s="21">
        <v>13</v>
      </c>
      <c r="O276" s="21">
        <v>878</v>
      </c>
      <c r="P276" s="21">
        <v>7</v>
      </c>
      <c r="Q276" s="21">
        <v>315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1</v>
      </c>
      <c r="G277" s="16">
        <v>81</v>
      </c>
      <c r="H277" s="16">
        <v>0</v>
      </c>
      <c r="I277" s="16">
        <v>0</v>
      </c>
      <c r="J277" s="16">
        <v>1</v>
      </c>
      <c r="K277" s="16">
        <v>81</v>
      </c>
      <c r="L277" s="16">
        <v>0</v>
      </c>
      <c r="M277" s="16">
        <v>0</v>
      </c>
      <c r="N277" s="16">
        <v>0</v>
      </c>
      <c r="O277" s="16">
        <v>0</v>
      </c>
      <c r="P277" s="16">
        <v>1</v>
      </c>
      <c r="Q277" s="16">
        <v>81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25</v>
      </c>
      <c r="G279" s="19">
        <v>1297</v>
      </c>
      <c r="H279" s="19">
        <v>6</v>
      </c>
      <c r="I279" s="19">
        <v>185</v>
      </c>
      <c r="J279" s="19">
        <v>19</v>
      </c>
      <c r="K279" s="19">
        <v>1112</v>
      </c>
      <c r="L279" s="19">
        <v>0</v>
      </c>
      <c r="M279" s="19">
        <v>0</v>
      </c>
      <c r="N279" s="19">
        <v>13</v>
      </c>
      <c r="O279" s="19">
        <v>878</v>
      </c>
      <c r="P279" s="19">
        <v>6</v>
      </c>
      <c r="Q279" s="19">
        <v>234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35</v>
      </c>
      <c r="G284" s="21">
        <v>2741</v>
      </c>
      <c r="H284" s="21">
        <v>35</v>
      </c>
      <c r="I284" s="21">
        <v>2741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27</v>
      </c>
      <c r="G285" s="16">
        <v>2578</v>
      </c>
      <c r="H285" s="16">
        <v>27</v>
      </c>
      <c r="I285" s="16">
        <v>2578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8</v>
      </c>
      <c r="G287" s="19">
        <v>163</v>
      </c>
      <c r="H287" s="19">
        <v>8</v>
      </c>
      <c r="I287" s="19">
        <v>163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142</v>
      </c>
      <c r="G288" s="21">
        <v>9093</v>
      </c>
      <c r="H288" s="21">
        <v>84</v>
      </c>
      <c r="I288" s="21">
        <v>5797</v>
      </c>
      <c r="J288" s="21">
        <v>58</v>
      </c>
      <c r="K288" s="21">
        <v>3296</v>
      </c>
      <c r="L288" s="21">
        <v>0</v>
      </c>
      <c r="M288" s="21">
        <v>0</v>
      </c>
      <c r="N288" s="21">
        <v>32</v>
      </c>
      <c r="O288" s="21">
        <v>1282</v>
      </c>
      <c r="P288" s="21">
        <v>26</v>
      </c>
      <c r="Q288" s="21">
        <v>2014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73</v>
      </c>
      <c r="G289" s="16">
        <v>6398</v>
      </c>
      <c r="H289" s="16">
        <v>49</v>
      </c>
      <c r="I289" s="16">
        <v>5001</v>
      </c>
      <c r="J289" s="16">
        <v>24</v>
      </c>
      <c r="K289" s="16">
        <v>1397</v>
      </c>
      <c r="L289" s="16">
        <v>0</v>
      </c>
      <c r="M289" s="16">
        <v>0</v>
      </c>
      <c r="N289" s="16">
        <v>18</v>
      </c>
      <c r="O289" s="16">
        <v>466</v>
      </c>
      <c r="P289" s="16">
        <v>6</v>
      </c>
      <c r="Q289" s="16">
        <v>931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69</v>
      </c>
      <c r="G291" s="19">
        <v>2695</v>
      </c>
      <c r="H291" s="19">
        <v>35</v>
      </c>
      <c r="I291" s="19">
        <v>796</v>
      </c>
      <c r="J291" s="19">
        <v>34</v>
      </c>
      <c r="K291" s="19">
        <v>1899</v>
      </c>
      <c r="L291" s="19">
        <v>0</v>
      </c>
      <c r="M291" s="19">
        <v>0</v>
      </c>
      <c r="N291" s="19">
        <v>14</v>
      </c>
      <c r="O291" s="19">
        <v>816</v>
      </c>
      <c r="P291" s="19">
        <v>20</v>
      </c>
      <c r="Q291" s="19">
        <v>1083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21</v>
      </c>
      <c r="G292" s="21">
        <v>2721</v>
      </c>
      <c r="H292" s="21">
        <v>15</v>
      </c>
      <c r="I292" s="21">
        <v>1790</v>
      </c>
      <c r="J292" s="21">
        <v>6</v>
      </c>
      <c r="K292" s="21">
        <v>931</v>
      </c>
      <c r="L292" s="21">
        <v>0</v>
      </c>
      <c r="M292" s="21">
        <v>0</v>
      </c>
      <c r="N292" s="21">
        <v>0</v>
      </c>
      <c r="O292" s="21">
        <v>0</v>
      </c>
      <c r="P292" s="21">
        <v>6</v>
      </c>
      <c r="Q292" s="21">
        <v>931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21</v>
      </c>
      <c r="G293" s="16">
        <v>2721</v>
      </c>
      <c r="H293" s="16">
        <v>15</v>
      </c>
      <c r="I293" s="16">
        <v>1790</v>
      </c>
      <c r="J293" s="16">
        <v>6</v>
      </c>
      <c r="K293" s="16">
        <v>931</v>
      </c>
      <c r="L293" s="16">
        <v>0</v>
      </c>
      <c r="M293" s="16">
        <v>0</v>
      </c>
      <c r="N293" s="16">
        <v>0</v>
      </c>
      <c r="O293" s="16">
        <v>0</v>
      </c>
      <c r="P293" s="16">
        <v>6</v>
      </c>
      <c r="Q293" s="16">
        <v>931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55</v>
      </c>
      <c r="G296" s="21">
        <v>2424</v>
      </c>
      <c r="H296" s="21">
        <v>21</v>
      </c>
      <c r="I296" s="21">
        <v>525</v>
      </c>
      <c r="J296" s="21">
        <v>34</v>
      </c>
      <c r="K296" s="21">
        <v>1899</v>
      </c>
      <c r="L296" s="21">
        <v>0</v>
      </c>
      <c r="M296" s="21">
        <v>0</v>
      </c>
      <c r="N296" s="21">
        <v>14</v>
      </c>
      <c r="O296" s="21">
        <v>816</v>
      </c>
      <c r="P296" s="21">
        <v>20</v>
      </c>
      <c r="Q296" s="21">
        <v>1083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55</v>
      </c>
      <c r="G299" s="19">
        <v>2424</v>
      </c>
      <c r="H299" s="19">
        <v>21</v>
      </c>
      <c r="I299" s="19">
        <v>525</v>
      </c>
      <c r="J299" s="19">
        <v>34</v>
      </c>
      <c r="K299" s="19">
        <v>1899</v>
      </c>
      <c r="L299" s="19">
        <v>0</v>
      </c>
      <c r="M299" s="19">
        <v>0</v>
      </c>
      <c r="N299" s="19">
        <v>14</v>
      </c>
      <c r="O299" s="19">
        <v>816</v>
      </c>
      <c r="P299" s="19">
        <v>20</v>
      </c>
      <c r="Q299" s="19">
        <v>1083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66</v>
      </c>
      <c r="G304" s="21">
        <v>3948</v>
      </c>
      <c r="H304" s="21">
        <v>48</v>
      </c>
      <c r="I304" s="21">
        <v>3482</v>
      </c>
      <c r="J304" s="21">
        <v>18</v>
      </c>
      <c r="K304" s="21">
        <v>466</v>
      </c>
      <c r="L304" s="21">
        <v>0</v>
      </c>
      <c r="M304" s="21">
        <v>0</v>
      </c>
      <c r="N304" s="21">
        <v>18</v>
      </c>
      <c r="O304" s="21">
        <v>466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52</v>
      </c>
      <c r="G305" s="16">
        <v>3677</v>
      </c>
      <c r="H305" s="16">
        <v>34</v>
      </c>
      <c r="I305" s="16">
        <v>3211</v>
      </c>
      <c r="J305" s="16">
        <v>18</v>
      </c>
      <c r="K305" s="16">
        <v>466</v>
      </c>
      <c r="L305" s="16">
        <v>0</v>
      </c>
      <c r="M305" s="16">
        <v>0</v>
      </c>
      <c r="N305" s="16">
        <v>18</v>
      </c>
      <c r="O305" s="16">
        <v>466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14</v>
      </c>
      <c r="G307" s="19">
        <v>271</v>
      </c>
      <c r="H307" s="19">
        <v>14</v>
      </c>
      <c r="I307" s="19">
        <v>271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90</v>
      </c>
      <c r="G308" s="21">
        <v>7364</v>
      </c>
      <c r="H308" s="21">
        <v>68</v>
      </c>
      <c r="I308" s="21">
        <v>6289</v>
      </c>
      <c r="J308" s="21">
        <v>22</v>
      </c>
      <c r="K308" s="21">
        <v>1075</v>
      </c>
      <c r="L308" s="21">
        <v>0</v>
      </c>
      <c r="M308" s="21">
        <v>0</v>
      </c>
      <c r="N308" s="21">
        <v>0</v>
      </c>
      <c r="O308" s="21">
        <v>0</v>
      </c>
      <c r="P308" s="21">
        <v>22</v>
      </c>
      <c r="Q308" s="21">
        <v>1075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63</v>
      </c>
      <c r="G309" s="16">
        <v>6418</v>
      </c>
      <c r="H309" s="16">
        <v>58</v>
      </c>
      <c r="I309" s="16">
        <v>5768</v>
      </c>
      <c r="J309" s="16">
        <v>5</v>
      </c>
      <c r="K309" s="16">
        <v>650</v>
      </c>
      <c r="L309" s="16">
        <v>0</v>
      </c>
      <c r="M309" s="16">
        <v>0</v>
      </c>
      <c r="N309" s="16">
        <v>0</v>
      </c>
      <c r="O309" s="16">
        <v>0</v>
      </c>
      <c r="P309" s="16">
        <v>5</v>
      </c>
      <c r="Q309" s="16">
        <v>650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5</v>
      </c>
      <c r="G310" s="16">
        <v>353</v>
      </c>
      <c r="H310" s="16">
        <v>3</v>
      </c>
      <c r="I310" s="16">
        <v>254</v>
      </c>
      <c r="J310" s="16">
        <v>2</v>
      </c>
      <c r="K310" s="16">
        <v>99</v>
      </c>
      <c r="L310" s="16">
        <v>0</v>
      </c>
      <c r="M310" s="16">
        <v>0</v>
      </c>
      <c r="N310" s="16">
        <v>0</v>
      </c>
      <c r="O310" s="16">
        <v>0</v>
      </c>
      <c r="P310" s="16">
        <v>2</v>
      </c>
      <c r="Q310" s="16">
        <v>99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22</v>
      </c>
      <c r="G311" s="19">
        <v>593</v>
      </c>
      <c r="H311" s="19">
        <v>7</v>
      </c>
      <c r="I311" s="19">
        <v>267</v>
      </c>
      <c r="J311" s="19">
        <v>15</v>
      </c>
      <c r="K311" s="19">
        <v>326</v>
      </c>
      <c r="L311" s="19">
        <v>0</v>
      </c>
      <c r="M311" s="19">
        <v>0</v>
      </c>
      <c r="N311" s="19">
        <v>0</v>
      </c>
      <c r="O311" s="19">
        <v>0</v>
      </c>
      <c r="P311" s="19">
        <v>15</v>
      </c>
      <c r="Q311" s="19">
        <v>326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23</v>
      </c>
      <c r="G312" s="21">
        <v>2504</v>
      </c>
      <c r="H312" s="21">
        <v>18</v>
      </c>
      <c r="I312" s="21">
        <v>1854</v>
      </c>
      <c r="J312" s="21">
        <v>5</v>
      </c>
      <c r="K312" s="21">
        <v>650</v>
      </c>
      <c r="L312" s="21">
        <v>0</v>
      </c>
      <c r="M312" s="21">
        <v>0</v>
      </c>
      <c r="N312" s="21">
        <v>0</v>
      </c>
      <c r="O312" s="21">
        <v>0</v>
      </c>
      <c r="P312" s="21">
        <v>5</v>
      </c>
      <c r="Q312" s="21">
        <v>650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23</v>
      </c>
      <c r="G313" s="16">
        <v>2504</v>
      </c>
      <c r="H313" s="16">
        <v>18</v>
      </c>
      <c r="I313" s="16">
        <v>1854</v>
      </c>
      <c r="J313" s="16">
        <v>5</v>
      </c>
      <c r="K313" s="16">
        <v>650</v>
      </c>
      <c r="L313" s="16">
        <v>0</v>
      </c>
      <c r="M313" s="16">
        <v>0</v>
      </c>
      <c r="N313" s="16">
        <v>0</v>
      </c>
      <c r="O313" s="16">
        <v>0</v>
      </c>
      <c r="P313" s="16">
        <v>5</v>
      </c>
      <c r="Q313" s="16">
        <v>650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27</v>
      </c>
      <c r="G316" s="21">
        <v>946</v>
      </c>
      <c r="H316" s="21">
        <v>10</v>
      </c>
      <c r="I316" s="21">
        <v>521</v>
      </c>
      <c r="J316" s="21">
        <v>17</v>
      </c>
      <c r="K316" s="21">
        <v>425</v>
      </c>
      <c r="L316" s="21">
        <v>0</v>
      </c>
      <c r="M316" s="21">
        <v>0</v>
      </c>
      <c r="N316" s="21">
        <v>0</v>
      </c>
      <c r="O316" s="21">
        <v>0</v>
      </c>
      <c r="P316" s="21">
        <v>17</v>
      </c>
      <c r="Q316" s="21">
        <v>425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5</v>
      </c>
      <c r="G318" s="16">
        <v>353</v>
      </c>
      <c r="H318" s="16">
        <v>3</v>
      </c>
      <c r="I318" s="16">
        <v>254</v>
      </c>
      <c r="J318" s="16">
        <v>2</v>
      </c>
      <c r="K318" s="16">
        <v>99</v>
      </c>
      <c r="L318" s="16">
        <v>0</v>
      </c>
      <c r="M318" s="16">
        <v>0</v>
      </c>
      <c r="N318" s="16">
        <v>0</v>
      </c>
      <c r="O318" s="16">
        <v>0</v>
      </c>
      <c r="P318" s="16">
        <v>2</v>
      </c>
      <c r="Q318" s="16">
        <v>99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22</v>
      </c>
      <c r="G319" s="19">
        <v>593</v>
      </c>
      <c r="H319" s="19">
        <v>7</v>
      </c>
      <c r="I319" s="19">
        <v>267</v>
      </c>
      <c r="J319" s="19">
        <v>15</v>
      </c>
      <c r="K319" s="19">
        <v>326</v>
      </c>
      <c r="L319" s="19">
        <v>0</v>
      </c>
      <c r="M319" s="19">
        <v>0</v>
      </c>
      <c r="N319" s="19">
        <v>0</v>
      </c>
      <c r="O319" s="19">
        <v>0</v>
      </c>
      <c r="P319" s="19">
        <v>15</v>
      </c>
      <c r="Q319" s="19">
        <v>326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40</v>
      </c>
      <c r="G324" s="21">
        <v>3914</v>
      </c>
      <c r="H324" s="21">
        <v>40</v>
      </c>
      <c r="I324" s="21">
        <v>3914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40</v>
      </c>
      <c r="G325" s="16">
        <v>3914</v>
      </c>
      <c r="H325" s="16">
        <v>40</v>
      </c>
      <c r="I325" s="16">
        <v>3914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87</v>
      </c>
      <c r="G328" s="21">
        <v>5564</v>
      </c>
      <c r="H328" s="21">
        <v>39</v>
      </c>
      <c r="I328" s="21">
        <v>3295</v>
      </c>
      <c r="J328" s="21">
        <v>48</v>
      </c>
      <c r="K328" s="21">
        <v>2269</v>
      </c>
      <c r="L328" s="21">
        <v>0</v>
      </c>
      <c r="M328" s="21">
        <v>0</v>
      </c>
      <c r="N328" s="21">
        <v>0</v>
      </c>
      <c r="O328" s="21">
        <v>0</v>
      </c>
      <c r="P328" s="21">
        <v>47</v>
      </c>
      <c r="Q328" s="21">
        <v>2119</v>
      </c>
      <c r="R328" s="21">
        <v>0</v>
      </c>
      <c r="S328" s="21">
        <v>0</v>
      </c>
      <c r="T328" s="21">
        <v>1</v>
      </c>
      <c r="U328" s="21">
        <v>15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32</v>
      </c>
      <c r="G329" s="16">
        <v>3410</v>
      </c>
      <c r="H329" s="16">
        <v>29</v>
      </c>
      <c r="I329" s="16">
        <v>3025</v>
      </c>
      <c r="J329" s="16">
        <v>3</v>
      </c>
      <c r="K329" s="16">
        <v>385</v>
      </c>
      <c r="L329" s="16">
        <v>0</v>
      </c>
      <c r="M329" s="16">
        <v>0</v>
      </c>
      <c r="N329" s="16">
        <v>0</v>
      </c>
      <c r="O329" s="16">
        <v>0</v>
      </c>
      <c r="P329" s="16">
        <v>2</v>
      </c>
      <c r="Q329" s="16">
        <v>235</v>
      </c>
      <c r="R329" s="16">
        <v>0</v>
      </c>
      <c r="S329" s="16">
        <v>0</v>
      </c>
      <c r="T329" s="16">
        <v>1</v>
      </c>
      <c r="U329" s="16">
        <v>15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55</v>
      </c>
      <c r="G331" s="19">
        <v>2154</v>
      </c>
      <c r="H331" s="19">
        <v>10</v>
      </c>
      <c r="I331" s="19">
        <v>270</v>
      </c>
      <c r="J331" s="19">
        <v>45</v>
      </c>
      <c r="K331" s="19">
        <v>1884</v>
      </c>
      <c r="L331" s="19">
        <v>0</v>
      </c>
      <c r="M331" s="19">
        <v>0</v>
      </c>
      <c r="N331" s="19">
        <v>0</v>
      </c>
      <c r="O331" s="19">
        <v>0</v>
      </c>
      <c r="P331" s="19">
        <v>45</v>
      </c>
      <c r="Q331" s="19">
        <v>1884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9</v>
      </c>
      <c r="G332" s="21">
        <v>1004</v>
      </c>
      <c r="H332" s="21">
        <v>7</v>
      </c>
      <c r="I332" s="21">
        <v>769</v>
      </c>
      <c r="J332" s="21">
        <v>2</v>
      </c>
      <c r="K332" s="21">
        <v>235</v>
      </c>
      <c r="L332" s="21">
        <v>0</v>
      </c>
      <c r="M332" s="21">
        <v>0</v>
      </c>
      <c r="N332" s="21">
        <v>0</v>
      </c>
      <c r="O332" s="21">
        <v>0</v>
      </c>
      <c r="P332" s="21">
        <v>2</v>
      </c>
      <c r="Q332" s="21">
        <v>235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9</v>
      </c>
      <c r="G333" s="16">
        <v>1004</v>
      </c>
      <c r="H333" s="16">
        <v>7</v>
      </c>
      <c r="I333" s="16">
        <v>769</v>
      </c>
      <c r="J333" s="16">
        <v>2</v>
      </c>
      <c r="K333" s="16">
        <v>235</v>
      </c>
      <c r="L333" s="16">
        <v>0</v>
      </c>
      <c r="M333" s="16">
        <v>0</v>
      </c>
      <c r="N333" s="16">
        <v>0</v>
      </c>
      <c r="O333" s="16">
        <v>0</v>
      </c>
      <c r="P333" s="16">
        <v>2</v>
      </c>
      <c r="Q333" s="16">
        <v>235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55</v>
      </c>
      <c r="G336" s="21">
        <v>2154</v>
      </c>
      <c r="H336" s="21">
        <v>10</v>
      </c>
      <c r="I336" s="21">
        <v>270</v>
      </c>
      <c r="J336" s="21">
        <v>45</v>
      </c>
      <c r="K336" s="21">
        <v>1884</v>
      </c>
      <c r="L336" s="21">
        <v>0</v>
      </c>
      <c r="M336" s="21">
        <v>0</v>
      </c>
      <c r="N336" s="21">
        <v>0</v>
      </c>
      <c r="O336" s="21">
        <v>0</v>
      </c>
      <c r="P336" s="21">
        <v>45</v>
      </c>
      <c r="Q336" s="21">
        <v>1884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0</v>
      </c>
      <c r="G338" s="16">
        <v>0</v>
      </c>
      <c r="H338" s="16">
        <v>0</v>
      </c>
      <c r="I338" s="16">
        <v>0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55</v>
      </c>
      <c r="G339" s="19">
        <v>2154</v>
      </c>
      <c r="H339" s="19">
        <v>10</v>
      </c>
      <c r="I339" s="19">
        <v>270</v>
      </c>
      <c r="J339" s="19">
        <v>45</v>
      </c>
      <c r="K339" s="19">
        <v>1884</v>
      </c>
      <c r="L339" s="19">
        <v>0</v>
      </c>
      <c r="M339" s="19">
        <v>0</v>
      </c>
      <c r="N339" s="19">
        <v>0</v>
      </c>
      <c r="O339" s="19">
        <v>0</v>
      </c>
      <c r="P339" s="19">
        <v>45</v>
      </c>
      <c r="Q339" s="19">
        <v>1884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23</v>
      </c>
      <c r="G344" s="21">
        <v>2406</v>
      </c>
      <c r="H344" s="21">
        <v>22</v>
      </c>
      <c r="I344" s="21">
        <v>2256</v>
      </c>
      <c r="J344" s="21">
        <v>1</v>
      </c>
      <c r="K344" s="21">
        <v>15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1</v>
      </c>
      <c r="U344" s="21">
        <v>15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23</v>
      </c>
      <c r="G345" s="16">
        <v>2406</v>
      </c>
      <c r="H345" s="16">
        <v>22</v>
      </c>
      <c r="I345" s="16">
        <v>2256</v>
      </c>
      <c r="J345" s="16">
        <v>1</v>
      </c>
      <c r="K345" s="16">
        <v>15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1</v>
      </c>
      <c r="U345" s="16">
        <v>15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37</v>
      </c>
      <c r="G348" s="21">
        <v>2895</v>
      </c>
      <c r="H348" s="21">
        <v>27</v>
      </c>
      <c r="I348" s="21">
        <v>2146</v>
      </c>
      <c r="J348" s="21">
        <v>10</v>
      </c>
      <c r="K348" s="21">
        <v>749</v>
      </c>
      <c r="L348" s="21">
        <v>1</v>
      </c>
      <c r="M348" s="21">
        <v>101</v>
      </c>
      <c r="N348" s="21">
        <v>0</v>
      </c>
      <c r="O348" s="21">
        <v>0</v>
      </c>
      <c r="P348" s="21">
        <v>9</v>
      </c>
      <c r="Q348" s="21">
        <v>648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23</v>
      </c>
      <c r="G349" s="16">
        <v>2271</v>
      </c>
      <c r="H349" s="16">
        <v>19</v>
      </c>
      <c r="I349" s="16">
        <v>1808</v>
      </c>
      <c r="J349" s="16">
        <v>4</v>
      </c>
      <c r="K349" s="16">
        <v>463</v>
      </c>
      <c r="L349" s="16">
        <v>1</v>
      </c>
      <c r="M349" s="16">
        <v>101</v>
      </c>
      <c r="N349" s="16">
        <v>0</v>
      </c>
      <c r="O349" s="16">
        <v>0</v>
      </c>
      <c r="P349" s="16">
        <v>3</v>
      </c>
      <c r="Q349" s="16">
        <v>362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14</v>
      </c>
      <c r="G351" s="19">
        <v>624</v>
      </c>
      <c r="H351" s="19">
        <v>8</v>
      </c>
      <c r="I351" s="19">
        <v>338</v>
      </c>
      <c r="J351" s="19">
        <v>6</v>
      </c>
      <c r="K351" s="19">
        <v>286</v>
      </c>
      <c r="L351" s="19">
        <v>0</v>
      </c>
      <c r="M351" s="19">
        <v>0</v>
      </c>
      <c r="N351" s="19">
        <v>0</v>
      </c>
      <c r="O351" s="19">
        <v>0</v>
      </c>
      <c r="P351" s="19">
        <v>6</v>
      </c>
      <c r="Q351" s="19">
        <v>286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6</v>
      </c>
      <c r="G352" s="21">
        <v>686</v>
      </c>
      <c r="H352" s="21">
        <v>3</v>
      </c>
      <c r="I352" s="21">
        <v>324</v>
      </c>
      <c r="J352" s="21">
        <v>3</v>
      </c>
      <c r="K352" s="21">
        <v>362</v>
      </c>
      <c r="L352" s="21">
        <v>0</v>
      </c>
      <c r="M352" s="21">
        <v>0</v>
      </c>
      <c r="N352" s="21">
        <v>0</v>
      </c>
      <c r="O352" s="21">
        <v>0</v>
      </c>
      <c r="P352" s="21">
        <v>3</v>
      </c>
      <c r="Q352" s="21">
        <v>362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6</v>
      </c>
      <c r="G353" s="16">
        <v>686</v>
      </c>
      <c r="H353" s="16">
        <v>3</v>
      </c>
      <c r="I353" s="16">
        <v>324</v>
      </c>
      <c r="J353" s="16">
        <v>3</v>
      </c>
      <c r="K353" s="16">
        <v>362</v>
      </c>
      <c r="L353" s="16">
        <v>0</v>
      </c>
      <c r="M353" s="16">
        <v>0</v>
      </c>
      <c r="N353" s="16">
        <v>0</v>
      </c>
      <c r="O353" s="16">
        <v>0</v>
      </c>
      <c r="P353" s="16">
        <v>3</v>
      </c>
      <c r="Q353" s="16">
        <v>362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14</v>
      </c>
      <c r="G356" s="21">
        <v>624</v>
      </c>
      <c r="H356" s="21">
        <v>8</v>
      </c>
      <c r="I356" s="21">
        <v>338</v>
      </c>
      <c r="J356" s="21">
        <v>6</v>
      </c>
      <c r="K356" s="21">
        <v>286</v>
      </c>
      <c r="L356" s="21">
        <v>0</v>
      </c>
      <c r="M356" s="21">
        <v>0</v>
      </c>
      <c r="N356" s="21">
        <v>0</v>
      </c>
      <c r="O356" s="21">
        <v>0</v>
      </c>
      <c r="P356" s="21">
        <v>6</v>
      </c>
      <c r="Q356" s="21">
        <v>286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14</v>
      </c>
      <c r="G359" s="19">
        <v>624</v>
      </c>
      <c r="H359" s="19">
        <v>8</v>
      </c>
      <c r="I359" s="19">
        <v>338</v>
      </c>
      <c r="J359" s="19">
        <v>6</v>
      </c>
      <c r="K359" s="19">
        <v>286</v>
      </c>
      <c r="L359" s="19">
        <v>0</v>
      </c>
      <c r="M359" s="19">
        <v>0</v>
      </c>
      <c r="N359" s="19">
        <v>0</v>
      </c>
      <c r="O359" s="19">
        <v>0</v>
      </c>
      <c r="P359" s="19">
        <v>6</v>
      </c>
      <c r="Q359" s="19">
        <v>286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17</v>
      </c>
      <c r="G364" s="21">
        <v>1585</v>
      </c>
      <c r="H364" s="21">
        <v>16</v>
      </c>
      <c r="I364" s="21">
        <v>1484</v>
      </c>
      <c r="J364" s="21">
        <v>1</v>
      </c>
      <c r="K364" s="21">
        <v>101</v>
      </c>
      <c r="L364" s="21">
        <v>1</v>
      </c>
      <c r="M364" s="21">
        <v>101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17</v>
      </c>
      <c r="G365" s="16">
        <v>1585</v>
      </c>
      <c r="H365" s="16">
        <v>16</v>
      </c>
      <c r="I365" s="16">
        <v>1484</v>
      </c>
      <c r="J365" s="16">
        <v>1</v>
      </c>
      <c r="K365" s="16">
        <v>101</v>
      </c>
      <c r="L365" s="16">
        <v>1</v>
      </c>
      <c r="M365" s="16">
        <v>101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21</v>
      </c>
      <c r="G368" s="21">
        <v>2645</v>
      </c>
      <c r="H368" s="21">
        <v>16</v>
      </c>
      <c r="I368" s="21">
        <v>1855</v>
      </c>
      <c r="J368" s="21">
        <v>5</v>
      </c>
      <c r="K368" s="21">
        <v>790</v>
      </c>
      <c r="L368" s="21">
        <v>0</v>
      </c>
      <c r="M368" s="21">
        <v>0</v>
      </c>
      <c r="N368" s="21">
        <v>0</v>
      </c>
      <c r="O368" s="21">
        <v>0</v>
      </c>
      <c r="P368" s="21">
        <v>5</v>
      </c>
      <c r="Q368" s="21">
        <v>790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21</v>
      </c>
      <c r="G369" s="16">
        <v>2645</v>
      </c>
      <c r="H369" s="16">
        <v>16</v>
      </c>
      <c r="I369" s="16">
        <v>1855</v>
      </c>
      <c r="J369" s="16">
        <v>5</v>
      </c>
      <c r="K369" s="16">
        <v>790</v>
      </c>
      <c r="L369" s="16">
        <v>0</v>
      </c>
      <c r="M369" s="16">
        <v>0</v>
      </c>
      <c r="N369" s="16">
        <v>0</v>
      </c>
      <c r="O369" s="16">
        <v>0</v>
      </c>
      <c r="P369" s="16">
        <v>5</v>
      </c>
      <c r="Q369" s="16">
        <v>790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0</v>
      </c>
      <c r="G371" s="19">
        <v>0</v>
      </c>
      <c r="H371" s="19">
        <v>0</v>
      </c>
      <c r="I371" s="19">
        <v>0</v>
      </c>
      <c r="J371" s="19">
        <v>0</v>
      </c>
      <c r="K371" s="19">
        <v>0</v>
      </c>
      <c r="L371" s="19">
        <v>0</v>
      </c>
      <c r="M371" s="19">
        <v>0</v>
      </c>
      <c r="N371" s="19">
        <v>0</v>
      </c>
      <c r="O371" s="19">
        <v>0</v>
      </c>
      <c r="P371" s="19">
        <v>0</v>
      </c>
      <c r="Q371" s="19">
        <v>0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9</v>
      </c>
      <c r="G372" s="21">
        <v>1347</v>
      </c>
      <c r="H372" s="21">
        <v>4</v>
      </c>
      <c r="I372" s="21">
        <v>557</v>
      </c>
      <c r="J372" s="21">
        <v>5</v>
      </c>
      <c r="K372" s="21">
        <v>790</v>
      </c>
      <c r="L372" s="21">
        <v>0</v>
      </c>
      <c r="M372" s="21">
        <v>0</v>
      </c>
      <c r="N372" s="21">
        <v>0</v>
      </c>
      <c r="O372" s="21">
        <v>0</v>
      </c>
      <c r="P372" s="21">
        <v>5</v>
      </c>
      <c r="Q372" s="21">
        <v>790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9</v>
      </c>
      <c r="G373" s="16">
        <v>1347</v>
      </c>
      <c r="H373" s="16">
        <v>4</v>
      </c>
      <c r="I373" s="16">
        <v>557</v>
      </c>
      <c r="J373" s="16">
        <v>5</v>
      </c>
      <c r="K373" s="16">
        <v>790</v>
      </c>
      <c r="L373" s="16">
        <v>0</v>
      </c>
      <c r="M373" s="16">
        <v>0</v>
      </c>
      <c r="N373" s="16">
        <v>0</v>
      </c>
      <c r="O373" s="16">
        <v>0</v>
      </c>
      <c r="P373" s="16">
        <v>5</v>
      </c>
      <c r="Q373" s="16">
        <v>790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0</v>
      </c>
      <c r="G376" s="21">
        <v>0</v>
      </c>
      <c r="H376" s="21">
        <v>0</v>
      </c>
      <c r="I376" s="21">
        <v>0</v>
      </c>
      <c r="J376" s="21">
        <v>0</v>
      </c>
      <c r="K376" s="21">
        <v>0</v>
      </c>
      <c r="L376" s="21">
        <v>0</v>
      </c>
      <c r="M376" s="21">
        <v>0</v>
      </c>
      <c r="N376" s="21">
        <v>0</v>
      </c>
      <c r="O376" s="21">
        <v>0</v>
      </c>
      <c r="P376" s="21">
        <v>0</v>
      </c>
      <c r="Q376" s="21">
        <v>0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0</v>
      </c>
      <c r="G379" s="19">
        <v>0</v>
      </c>
      <c r="H379" s="19">
        <v>0</v>
      </c>
      <c r="I379" s="19">
        <v>0</v>
      </c>
      <c r="J379" s="19">
        <v>0</v>
      </c>
      <c r="K379" s="19">
        <v>0</v>
      </c>
      <c r="L379" s="19">
        <v>0</v>
      </c>
      <c r="M379" s="19">
        <v>0</v>
      </c>
      <c r="N379" s="19">
        <v>0</v>
      </c>
      <c r="O379" s="19">
        <v>0</v>
      </c>
      <c r="P379" s="19">
        <v>0</v>
      </c>
      <c r="Q379" s="19">
        <v>0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12</v>
      </c>
      <c r="G384" s="21">
        <v>1298</v>
      </c>
      <c r="H384" s="21">
        <v>12</v>
      </c>
      <c r="I384" s="21">
        <v>1298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12</v>
      </c>
      <c r="G385" s="16">
        <v>1298</v>
      </c>
      <c r="H385" s="16">
        <v>12</v>
      </c>
      <c r="I385" s="16">
        <v>1298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68</v>
      </c>
      <c r="G388" s="21">
        <v>5380</v>
      </c>
      <c r="H388" s="21">
        <v>36</v>
      </c>
      <c r="I388" s="21">
        <v>3796</v>
      </c>
      <c r="J388" s="21">
        <v>32</v>
      </c>
      <c r="K388" s="21">
        <v>1584</v>
      </c>
      <c r="L388" s="21">
        <v>0</v>
      </c>
      <c r="M388" s="21">
        <v>0</v>
      </c>
      <c r="N388" s="21">
        <v>0</v>
      </c>
      <c r="O388" s="21">
        <v>0</v>
      </c>
      <c r="P388" s="21">
        <v>32</v>
      </c>
      <c r="Q388" s="21">
        <v>1584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37</v>
      </c>
      <c r="G389" s="16">
        <v>3935</v>
      </c>
      <c r="H389" s="16">
        <v>36</v>
      </c>
      <c r="I389" s="16">
        <v>3796</v>
      </c>
      <c r="J389" s="16">
        <v>1</v>
      </c>
      <c r="K389" s="16">
        <v>139</v>
      </c>
      <c r="L389" s="16">
        <v>0</v>
      </c>
      <c r="M389" s="16">
        <v>0</v>
      </c>
      <c r="N389" s="16">
        <v>0</v>
      </c>
      <c r="O389" s="16">
        <v>0</v>
      </c>
      <c r="P389" s="16">
        <v>1</v>
      </c>
      <c r="Q389" s="16">
        <v>139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31</v>
      </c>
      <c r="G391" s="19">
        <v>1445</v>
      </c>
      <c r="H391" s="19">
        <v>0</v>
      </c>
      <c r="I391" s="19">
        <v>0</v>
      </c>
      <c r="J391" s="19">
        <v>31</v>
      </c>
      <c r="K391" s="19">
        <v>1445</v>
      </c>
      <c r="L391" s="19">
        <v>0</v>
      </c>
      <c r="M391" s="19">
        <v>0</v>
      </c>
      <c r="N391" s="19">
        <v>0</v>
      </c>
      <c r="O391" s="19">
        <v>0</v>
      </c>
      <c r="P391" s="19">
        <v>31</v>
      </c>
      <c r="Q391" s="19">
        <v>1445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15</v>
      </c>
      <c r="G392" s="21">
        <v>1769</v>
      </c>
      <c r="H392" s="21">
        <v>14</v>
      </c>
      <c r="I392" s="21">
        <v>1630</v>
      </c>
      <c r="J392" s="21">
        <v>1</v>
      </c>
      <c r="K392" s="21">
        <v>139</v>
      </c>
      <c r="L392" s="21">
        <v>0</v>
      </c>
      <c r="M392" s="21">
        <v>0</v>
      </c>
      <c r="N392" s="21">
        <v>0</v>
      </c>
      <c r="O392" s="21">
        <v>0</v>
      </c>
      <c r="P392" s="21">
        <v>1</v>
      </c>
      <c r="Q392" s="21">
        <v>139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15</v>
      </c>
      <c r="G393" s="16">
        <v>1769</v>
      </c>
      <c r="H393" s="16">
        <v>14</v>
      </c>
      <c r="I393" s="16">
        <v>1630</v>
      </c>
      <c r="J393" s="16">
        <v>1</v>
      </c>
      <c r="K393" s="16">
        <v>139</v>
      </c>
      <c r="L393" s="16">
        <v>0</v>
      </c>
      <c r="M393" s="16">
        <v>0</v>
      </c>
      <c r="N393" s="16">
        <v>0</v>
      </c>
      <c r="O393" s="16">
        <v>0</v>
      </c>
      <c r="P393" s="16">
        <v>1</v>
      </c>
      <c r="Q393" s="16">
        <v>139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31</v>
      </c>
      <c r="G396" s="21">
        <v>1445</v>
      </c>
      <c r="H396" s="21">
        <v>0</v>
      </c>
      <c r="I396" s="21">
        <v>0</v>
      </c>
      <c r="J396" s="21">
        <v>31</v>
      </c>
      <c r="K396" s="21">
        <v>1445</v>
      </c>
      <c r="L396" s="21">
        <v>0</v>
      </c>
      <c r="M396" s="21">
        <v>0</v>
      </c>
      <c r="N396" s="21">
        <v>0</v>
      </c>
      <c r="O396" s="21">
        <v>0</v>
      </c>
      <c r="P396" s="21">
        <v>31</v>
      </c>
      <c r="Q396" s="21">
        <v>1445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31</v>
      </c>
      <c r="G399" s="19">
        <v>1445</v>
      </c>
      <c r="H399" s="19">
        <v>0</v>
      </c>
      <c r="I399" s="19">
        <v>0</v>
      </c>
      <c r="J399" s="19">
        <v>31</v>
      </c>
      <c r="K399" s="19">
        <v>1445</v>
      </c>
      <c r="L399" s="19">
        <v>0</v>
      </c>
      <c r="M399" s="19">
        <v>0</v>
      </c>
      <c r="N399" s="19">
        <v>0</v>
      </c>
      <c r="O399" s="19">
        <v>0</v>
      </c>
      <c r="P399" s="19">
        <v>31</v>
      </c>
      <c r="Q399" s="19">
        <v>1445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22</v>
      </c>
      <c r="G404" s="21">
        <v>2166</v>
      </c>
      <c r="H404" s="21">
        <v>22</v>
      </c>
      <c r="I404" s="21">
        <v>2166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22</v>
      </c>
      <c r="G405" s="16">
        <v>2166</v>
      </c>
      <c r="H405" s="16">
        <v>22</v>
      </c>
      <c r="I405" s="16">
        <v>2166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62</v>
      </c>
      <c r="G408" s="21">
        <v>6374</v>
      </c>
      <c r="H408" s="21">
        <v>47</v>
      </c>
      <c r="I408" s="21">
        <v>5309</v>
      </c>
      <c r="J408" s="21">
        <v>15</v>
      </c>
      <c r="K408" s="21">
        <v>1065</v>
      </c>
      <c r="L408" s="21">
        <v>0</v>
      </c>
      <c r="M408" s="21">
        <v>0</v>
      </c>
      <c r="N408" s="21">
        <v>0</v>
      </c>
      <c r="O408" s="21">
        <v>0</v>
      </c>
      <c r="P408" s="21">
        <v>15</v>
      </c>
      <c r="Q408" s="21">
        <v>1065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51</v>
      </c>
      <c r="G409" s="16">
        <v>5826</v>
      </c>
      <c r="H409" s="16">
        <v>47</v>
      </c>
      <c r="I409" s="16">
        <v>5309</v>
      </c>
      <c r="J409" s="16">
        <v>4</v>
      </c>
      <c r="K409" s="16">
        <v>517</v>
      </c>
      <c r="L409" s="16">
        <v>0</v>
      </c>
      <c r="M409" s="16">
        <v>0</v>
      </c>
      <c r="N409" s="16">
        <v>0</v>
      </c>
      <c r="O409" s="16">
        <v>0</v>
      </c>
      <c r="P409" s="16">
        <v>4</v>
      </c>
      <c r="Q409" s="16">
        <v>517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0</v>
      </c>
      <c r="G410" s="16">
        <v>0</v>
      </c>
      <c r="H410" s="16">
        <v>0</v>
      </c>
      <c r="I410" s="16">
        <v>0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11</v>
      </c>
      <c r="G411" s="19">
        <v>548</v>
      </c>
      <c r="H411" s="19">
        <v>0</v>
      </c>
      <c r="I411" s="19">
        <v>0</v>
      </c>
      <c r="J411" s="19">
        <v>11</v>
      </c>
      <c r="K411" s="19">
        <v>548</v>
      </c>
      <c r="L411" s="19">
        <v>0</v>
      </c>
      <c r="M411" s="19">
        <v>0</v>
      </c>
      <c r="N411" s="19">
        <v>0</v>
      </c>
      <c r="O411" s="19">
        <v>0</v>
      </c>
      <c r="P411" s="19">
        <v>11</v>
      </c>
      <c r="Q411" s="19">
        <v>548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19</v>
      </c>
      <c r="G412" s="21">
        <v>2524</v>
      </c>
      <c r="H412" s="21">
        <v>15</v>
      </c>
      <c r="I412" s="21">
        <v>2007</v>
      </c>
      <c r="J412" s="21">
        <v>4</v>
      </c>
      <c r="K412" s="21">
        <v>517</v>
      </c>
      <c r="L412" s="21">
        <v>0</v>
      </c>
      <c r="M412" s="21">
        <v>0</v>
      </c>
      <c r="N412" s="21">
        <v>0</v>
      </c>
      <c r="O412" s="21">
        <v>0</v>
      </c>
      <c r="P412" s="21">
        <v>4</v>
      </c>
      <c r="Q412" s="21">
        <v>517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19</v>
      </c>
      <c r="G413" s="16">
        <v>2524</v>
      </c>
      <c r="H413" s="16">
        <v>15</v>
      </c>
      <c r="I413" s="16">
        <v>2007</v>
      </c>
      <c r="J413" s="16">
        <v>4</v>
      </c>
      <c r="K413" s="16">
        <v>517</v>
      </c>
      <c r="L413" s="16">
        <v>0</v>
      </c>
      <c r="M413" s="16">
        <v>0</v>
      </c>
      <c r="N413" s="16">
        <v>0</v>
      </c>
      <c r="O413" s="16">
        <v>0</v>
      </c>
      <c r="P413" s="16">
        <v>4</v>
      </c>
      <c r="Q413" s="16">
        <v>517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11</v>
      </c>
      <c r="G416" s="21">
        <v>548</v>
      </c>
      <c r="H416" s="21">
        <v>0</v>
      </c>
      <c r="I416" s="21">
        <v>0</v>
      </c>
      <c r="J416" s="21">
        <v>11</v>
      </c>
      <c r="K416" s="21">
        <v>548</v>
      </c>
      <c r="L416" s="21">
        <v>0</v>
      </c>
      <c r="M416" s="21">
        <v>0</v>
      </c>
      <c r="N416" s="21">
        <v>0</v>
      </c>
      <c r="O416" s="21">
        <v>0</v>
      </c>
      <c r="P416" s="21">
        <v>11</v>
      </c>
      <c r="Q416" s="21">
        <v>548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0</v>
      </c>
      <c r="G418" s="16">
        <v>0</v>
      </c>
      <c r="H418" s="16">
        <v>0</v>
      </c>
      <c r="I418" s="16">
        <v>0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11</v>
      </c>
      <c r="G419" s="19">
        <v>548</v>
      </c>
      <c r="H419" s="19">
        <v>0</v>
      </c>
      <c r="I419" s="19">
        <v>0</v>
      </c>
      <c r="J419" s="19">
        <v>11</v>
      </c>
      <c r="K419" s="19">
        <v>548</v>
      </c>
      <c r="L419" s="19">
        <v>0</v>
      </c>
      <c r="M419" s="19">
        <v>0</v>
      </c>
      <c r="N419" s="19">
        <v>0</v>
      </c>
      <c r="O419" s="19">
        <v>0</v>
      </c>
      <c r="P419" s="19">
        <v>11</v>
      </c>
      <c r="Q419" s="19">
        <v>548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32</v>
      </c>
      <c r="G424" s="21">
        <v>3302</v>
      </c>
      <c r="H424" s="21">
        <v>32</v>
      </c>
      <c r="I424" s="21">
        <v>3302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32</v>
      </c>
      <c r="G425" s="16">
        <v>3302</v>
      </c>
      <c r="H425" s="16">
        <v>32</v>
      </c>
      <c r="I425" s="16">
        <v>3302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79</v>
      </c>
      <c r="G428" s="21">
        <v>7741</v>
      </c>
      <c r="H428" s="21">
        <v>71</v>
      </c>
      <c r="I428" s="21">
        <v>6469</v>
      </c>
      <c r="J428" s="21">
        <v>8</v>
      </c>
      <c r="K428" s="21">
        <v>1272</v>
      </c>
      <c r="L428" s="21">
        <v>0</v>
      </c>
      <c r="M428" s="21">
        <v>0</v>
      </c>
      <c r="N428" s="21">
        <v>0</v>
      </c>
      <c r="O428" s="21">
        <v>0</v>
      </c>
      <c r="P428" s="21">
        <v>8</v>
      </c>
      <c r="Q428" s="21">
        <v>1272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48</v>
      </c>
      <c r="G429" s="16">
        <v>5714</v>
      </c>
      <c r="H429" s="16">
        <v>40</v>
      </c>
      <c r="I429" s="16">
        <v>4442</v>
      </c>
      <c r="J429" s="16">
        <v>8</v>
      </c>
      <c r="K429" s="16">
        <v>1272</v>
      </c>
      <c r="L429" s="16">
        <v>0</v>
      </c>
      <c r="M429" s="16">
        <v>0</v>
      </c>
      <c r="N429" s="16">
        <v>0</v>
      </c>
      <c r="O429" s="16">
        <v>0</v>
      </c>
      <c r="P429" s="16">
        <v>8</v>
      </c>
      <c r="Q429" s="16">
        <v>1272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0</v>
      </c>
      <c r="G430" s="16">
        <v>0</v>
      </c>
      <c r="H430" s="16">
        <v>0</v>
      </c>
      <c r="I430" s="16">
        <v>0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31</v>
      </c>
      <c r="G431" s="19">
        <v>2027</v>
      </c>
      <c r="H431" s="19">
        <v>31</v>
      </c>
      <c r="I431" s="19">
        <v>2027</v>
      </c>
      <c r="J431" s="19">
        <v>0</v>
      </c>
      <c r="K431" s="19">
        <v>0</v>
      </c>
      <c r="L431" s="19">
        <v>0</v>
      </c>
      <c r="M431" s="19">
        <v>0</v>
      </c>
      <c r="N431" s="19">
        <v>0</v>
      </c>
      <c r="O431" s="19">
        <v>0</v>
      </c>
      <c r="P431" s="19">
        <v>0</v>
      </c>
      <c r="Q431" s="19">
        <v>0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25</v>
      </c>
      <c r="G432" s="21">
        <v>3438</v>
      </c>
      <c r="H432" s="21">
        <v>19</v>
      </c>
      <c r="I432" s="21">
        <v>2407</v>
      </c>
      <c r="J432" s="21">
        <v>6</v>
      </c>
      <c r="K432" s="21">
        <v>1031</v>
      </c>
      <c r="L432" s="21">
        <v>0</v>
      </c>
      <c r="M432" s="21">
        <v>0</v>
      </c>
      <c r="N432" s="21">
        <v>0</v>
      </c>
      <c r="O432" s="21">
        <v>0</v>
      </c>
      <c r="P432" s="21">
        <v>6</v>
      </c>
      <c r="Q432" s="21">
        <v>1031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25</v>
      </c>
      <c r="G433" s="16">
        <v>3438</v>
      </c>
      <c r="H433" s="16">
        <v>19</v>
      </c>
      <c r="I433" s="16">
        <v>2407</v>
      </c>
      <c r="J433" s="16">
        <v>6</v>
      </c>
      <c r="K433" s="16">
        <v>1031</v>
      </c>
      <c r="L433" s="16">
        <v>0</v>
      </c>
      <c r="M433" s="16">
        <v>0</v>
      </c>
      <c r="N433" s="16">
        <v>0</v>
      </c>
      <c r="O433" s="16">
        <v>0</v>
      </c>
      <c r="P433" s="16">
        <v>6</v>
      </c>
      <c r="Q433" s="16">
        <v>1031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31</v>
      </c>
      <c r="G436" s="21">
        <v>2027</v>
      </c>
      <c r="H436" s="21">
        <v>31</v>
      </c>
      <c r="I436" s="21">
        <v>2027</v>
      </c>
      <c r="J436" s="21">
        <v>0</v>
      </c>
      <c r="K436" s="21">
        <v>0</v>
      </c>
      <c r="L436" s="21">
        <v>0</v>
      </c>
      <c r="M436" s="21">
        <v>0</v>
      </c>
      <c r="N436" s="21">
        <v>0</v>
      </c>
      <c r="O436" s="21">
        <v>0</v>
      </c>
      <c r="P436" s="21">
        <v>0</v>
      </c>
      <c r="Q436" s="21">
        <v>0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0</v>
      </c>
      <c r="G438" s="16">
        <v>0</v>
      </c>
      <c r="H438" s="16">
        <v>0</v>
      </c>
      <c r="I438" s="16">
        <v>0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31</v>
      </c>
      <c r="G439" s="19">
        <v>2027</v>
      </c>
      <c r="H439" s="19">
        <v>31</v>
      </c>
      <c r="I439" s="19">
        <v>2027</v>
      </c>
      <c r="J439" s="19">
        <v>0</v>
      </c>
      <c r="K439" s="19">
        <v>0</v>
      </c>
      <c r="L439" s="19">
        <v>0</v>
      </c>
      <c r="M439" s="19">
        <v>0</v>
      </c>
      <c r="N439" s="19">
        <v>0</v>
      </c>
      <c r="O439" s="19">
        <v>0</v>
      </c>
      <c r="P439" s="19">
        <v>0</v>
      </c>
      <c r="Q439" s="19">
        <v>0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23</v>
      </c>
      <c r="G444" s="21">
        <v>2276</v>
      </c>
      <c r="H444" s="21">
        <v>21</v>
      </c>
      <c r="I444" s="21">
        <v>2035</v>
      </c>
      <c r="J444" s="21">
        <v>2</v>
      </c>
      <c r="K444" s="21">
        <v>241</v>
      </c>
      <c r="L444" s="21">
        <v>0</v>
      </c>
      <c r="M444" s="21">
        <v>0</v>
      </c>
      <c r="N444" s="21">
        <v>0</v>
      </c>
      <c r="O444" s="21">
        <v>0</v>
      </c>
      <c r="P444" s="21">
        <v>2</v>
      </c>
      <c r="Q444" s="21">
        <v>241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23</v>
      </c>
      <c r="G445" s="16">
        <v>2276</v>
      </c>
      <c r="H445" s="16">
        <v>21</v>
      </c>
      <c r="I445" s="16">
        <v>2035</v>
      </c>
      <c r="J445" s="16">
        <v>2</v>
      </c>
      <c r="K445" s="16">
        <v>241</v>
      </c>
      <c r="L445" s="16">
        <v>0</v>
      </c>
      <c r="M445" s="16">
        <v>0</v>
      </c>
      <c r="N445" s="16">
        <v>0</v>
      </c>
      <c r="O445" s="16">
        <v>0</v>
      </c>
      <c r="P445" s="16">
        <v>2</v>
      </c>
      <c r="Q445" s="16">
        <v>241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901</v>
      </c>
      <c r="G448" s="21">
        <v>55891</v>
      </c>
      <c r="H448" s="21">
        <v>424</v>
      </c>
      <c r="I448" s="21">
        <v>31504</v>
      </c>
      <c r="J448" s="21">
        <v>477</v>
      </c>
      <c r="K448" s="21">
        <v>24387</v>
      </c>
      <c r="L448" s="21">
        <v>0</v>
      </c>
      <c r="M448" s="21">
        <v>0</v>
      </c>
      <c r="N448" s="21">
        <v>240</v>
      </c>
      <c r="O448" s="21">
        <v>11840</v>
      </c>
      <c r="P448" s="21">
        <v>237</v>
      </c>
      <c r="Q448" s="21">
        <v>12547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272</v>
      </c>
      <c r="G449" s="16">
        <v>29033</v>
      </c>
      <c r="H449" s="16">
        <v>249</v>
      </c>
      <c r="I449" s="16">
        <v>26129</v>
      </c>
      <c r="J449" s="16">
        <v>23</v>
      </c>
      <c r="K449" s="16">
        <v>2904</v>
      </c>
      <c r="L449" s="16">
        <v>0</v>
      </c>
      <c r="M449" s="16">
        <v>0</v>
      </c>
      <c r="N449" s="16">
        <v>2</v>
      </c>
      <c r="O449" s="16">
        <v>221</v>
      </c>
      <c r="P449" s="16">
        <v>21</v>
      </c>
      <c r="Q449" s="16">
        <v>2683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16</v>
      </c>
      <c r="G450" s="16">
        <v>753</v>
      </c>
      <c r="H450" s="16">
        <v>2</v>
      </c>
      <c r="I450" s="16">
        <v>91</v>
      </c>
      <c r="J450" s="16">
        <v>14</v>
      </c>
      <c r="K450" s="16">
        <v>662</v>
      </c>
      <c r="L450" s="16">
        <v>0</v>
      </c>
      <c r="M450" s="16">
        <v>0</v>
      </c>
      <c r="N450" s="16">
        <v>0</v>
      </c>
      <c r="O450" s="16">
        <v>0</v>
      </c>
      <c r="P450" s="16">
        <v>14</v>
      </c>
      <c r="Q450" s="16">
        <v>662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613</v>
      </c>
      <c r="G451" s="19">
        <v>26105</v>
      </c>
      <c r="H451" s="19">
        <v>173</v>
      </c>
      <c r="I451" s="19">
        <v>5284</v>
      </c>
      <c r="J451" s="19">
        <v>440</v>
      </c>
      <c r="K451" s="19">
        <v>20821</v>
      </c>
      <c r="L451" s="19">
        <v>0</v>
      </c>
      <c r="M451" s="19">
        <v>0</v>
      </c>
      <c r="N451" s="19">
        <v>238</v>
      </c>
      <c r="O451" s="19">
        <v>11619</v>
      </c>
      <c r="P451" s="19">
        <v>202</v>
      </c>
      <c r="Q451" s="19">
        <v>9202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119</v>
      </c>
      <c r="G452" s="21">
        <v>14003</v>
      </c>
      <c r="H452" s="21">
        <v>99</v>
      </c>
      <c r="I452" s="21">
        <v>11332</v>
      </c>
      <c r="J452" s="21">
        <v>20</v>
      </c>
      <c r="K452" s="21">
        <v>2671</v>
      </c>
      <c r="L452" s="21">
        <v>0</v>
      </c>
      <c r="M452" s="21">
        <v>0</v>
      </c>
      <c r="N452" s="21">
        <v>1</v>
      </c>
      <c r="O452" s="21">
        <v>101</v>
      </c>
      <c r="P452" s="21">
        <v>19</v>
      </c>
      <c r="Q452" s="21">
        <v>2570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116</v>
      </c>
      <c r="G453" s="16">
        <v>13544</v>
      </c>
      <c r="H453" s="16">
        <v>98</v>
      </c>
      <c r="I453" s="16">
        <v>11160</v>
      </c>
      <c r="J453" s="16">
        <v>18</v>
      </c>
      <c r="K453" s="16">
        <v>2384</v>
      </c>
      <c r="L453" s="16">
        <v>0</v>
      </c>
      <c r="M453" s="16">
        <v>0</v>
      </c>
      <c r="N453" s="16">
        <v>1</v>
      </c>
      <c r="O453" s="16">
        <v>101</v>
      </c>
      <c r="P453" s="16">
        <v>17</v>
      </c>
      <c r="Q453" s="16">
        <v>2283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0</v>
      </c>
      <c r="G454" s="16">
        <v>0</v>
      </c>
      <c r="H454" s="16">
        <v>0</v>
      </c>
      <c r="I454" s="16">
        <v>0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3</v>
      </c>
      <c r="G455" s="19">
        <v>459</v>
      </c>
      <c r="H455" s="19">
        <v>1</v>
      </c>
      <c r="I455" s="19">
        <v>172</v>
      </c>
      <c r="J455" s="19">
        <v>2</v>
      </c>
      <c r="K455" s="19">
        <v>287</v>
      </c>
      <c r="L455" s="19">
        <v>0</v>
      </c>
      <c r="M455" s="19">
        <v>0</v>
      </c>
      <c r="N455" s="19">
        <v>0</v>
      </c>
      <c r="O455" s="19">
        <v>0</v>
      </c>
      <c r="P455" s="19">
        <v>2</v>
      </c>
      <c r="Q455" s="19">
        <v>287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442</v>
      </c>
      <c r="G456" s="21">
        <v>17525</v>
      </c>
      <c r="H456" s="21">
        <v>181</v>
      </c>
      <c r="I456" s="21">
        <v>5811</v>
      </c>
      <c r="J456" s="21">
        <v>261</v>
      </c>
      <c r="K456" s="21">
        <v>11714</v>
      </c>
      <c r="L456" s="21">
        <v>0</v>
      </c>
      <c r="M456" s="21">
        <v>0</v>
      </c>
      <c r="N456" s="21">
        <v>46</v>
      </c>
      <c r="O456" s="21">
        <v>2054</v>
      </c>
      <c r="P456" s="21">
        <v>215</v>
      </c>
      <c r="Q456" s="21">
        <v>9660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8</v>
      </c>
      <c r="G457" s="16">
        <v>691</v>
      </c>
      <c r="H457" s="16">
        <v>7</v>
      </c>
      <c r="I457" s="16">
        <v>608</v>
      </c>
      <c r="J457" s="16">
        <v>1</v>
      </c>
      <c r="K457" s="16">
        <v>83</v>
      </c>
      <c r="L457" s="16">
        <v>0</v>
      </c>
      <c r="M457" s="16">
        <v>0</v>
      </c>
      <c r="N457" s="16">
        <v>0</v>
      </c>
      <c r="O457" s="16">
        <v>0</v>
      </c>
      <c r="P457" s="16">
        <v>1</v>
      </c>
      <c r="Q457" s="16">
        <v>83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16</v>
      </c>
      <c r="G458" s="16">
        <v>753</v>
      </c>
      <c r="H458" s="16">
        <v>2</v>
      </c>
      <c r="I458" s="16">
        <v>91</v>
      </c>
      <c r="J458" s="16">
        <v>14</v>
      </c>
      <c r="K458" s="16">
        <v>662</v>
      </c>
      <c r="L458" s="16">
        <v>0</v>
      </c>
      <c r="M458" s="16">
        <v>0</v>
      </c>
      <c r="N458" s="16">
        <v>0</v>
      </c>
      <c r="O458" s="16">
        <v>0</v>
      </c>
      <c r="P458" s="16">
        <v>14</v>
      </c>
      <c r="Q458" s="16">
        <v>662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418</v>
      </c>
      <c r="G459" s="19">
        <v>16081</v>
      </c>
      <c r="H459" s="19">
        <v>172</v>
      </c>
      <c r="I459" s="19">
        <v>5112</v>
      </c>
      <c r="J459" s="19">
        <v>246</v>
      </c>
      <c r="K459" s="19">
        <v>10969</v>
      </c>
      <c r="L459" s="19">
        <v>0</v>
      </c>
      <c r="M459" s="19">
        <v>0</v>
      </c>
      <c r="N459" s="19">
        <v>46</v>
      </c>
      <c r="O459" s="19">
        <v>2054</v>
      </c>
      <c r="P459" s="19">
        <v>200</v>
      </c>
      <c r="Q459" s="19">
        <v>8915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340</v>
      </c>
      <c r="G464" s="21">
        <v>24363</v>
      </c>
      <c r="H464" s="21">
        <v>144</v>
      </c>
      <c r="I464" s="21">
        <v>14361</v>
      </c>
      <c r="J464" s="21">
        <v>196</v>
      </c>
      <c r="K464" s="21">
        <v>10002</v>
      </c>
      <c r="L464" s="21">
        <v>0</v>
      </c>
      <c r="M464" s="21">
        <v>0</v>
      </c>
      <c r="N464" s="21">
        <v>193</v>
      </c>
      <c r="O464" s="21">
        <v>9685</v>
      </c>
      <c r="P464" s="21">
        <v>3</v>
      </c>
      <c r="Q464" s="21">
        <v>317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48</v>
      </c>
      <c r="G465" s="16">
        <v>14798</v>
      </c>
      <c r="H465" s="16">
        <v>144</v>
      </c>
      <c r="I465" s="16">
        <v>14361</v>
      </c>
      <c r="J465" s="16">
        <v>4</v>
      </c>
      <c r="K465" s="16">
        <v>437</v>
      </c>
      <c r="L465" s="16">
        <v>0</v>
      </c>
      <c r="M465" s="16">
        <v>0</v>
      </c>
      <c r="N465" s="16">
        <v>1</v>
      </c>
      <c r="O465" s="16">
        <v>120</v>
      </c>
      <c r="P465" s="16">
        <v>3</v>
      </c>
      <c r="Q465" s="16">
        <v>317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192</v>
      </c>
      <c r="G467" s="19">
        <v>9565</v>
      </c>
      <c r="H467" s="19">
        <v>0</v>
      </c>
      <c r="I467" s="19">
        <v>0</v>
      </c>
      <c r="J467" s="19">
        <v>192</v>
      </c>
      <c r="K467" s="19">
        <v>9565</v>
      </c>
      <c r="L467" s="19">
        <v>0</v>
      </c>
      <c r="M467" s="19">
        <v>0</v>
      </c>
      <c r="N467" s="19">
        <v>192</v>
      </c>
      <c r="O467" s="19">
        <v>9565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175</v>
      </c>
      <c r="G468" s="21">
        <v>7535</v>
      </c>
      <c r="H468" s="21">
        <v>68</v>
      </c>
      <c r="I468" s="21">
        <v>3272</v>
      </c>
      <c r="J468" s="21">
        <v>107</v>
      </c>
      <c r="K468" s="21">
        <v>4263</v>
      </c>
      <c r="L468" s="21">
        <v>0</v>
      </c>
      <c r="M468" s="21">
        <v>0</v>
      </c>
      <c r="N468" s="21">
        <v>66</v>
      </c>
      <c r="O468" s="21">
        <v>2557</v>
      </c>
      <c r="P468" s="21">
        <v>41</v>
      </c>
      <c r="Q468" s="21">
        <v>1706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32</v>
      </c>
      <c r="G469" s="16">
        <v>3318</v>
      </c>
      <c r="H469" s="16">
        <v>26</v>
      </c>
      <c r="I469" s="16">
        <v>2692</v>
      </c>
      <c r="J469" s="16">
        <v>6</v>
      </c>
      <c r="K469" s="16">
        <v>626</v>
      </c>
      <c r="L469" s="16">
        <v>0</v>
      </c>
      <c r="M469" s="16">
        <v>0</v>
      </c>
      <c r="N469" s="16">
        <v>1</v>
      </c>
      <c r="O469" s="16">
        <v>101</v>
      </c>
      <c r="P469" s="16">
        <v>5</v>
      </c>
      <c r="Q469" s="16">
        <v>525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143</v>
      </c>
      <c r="G471" s="19">
        <v>4217</v>
      </c>
      <c r="H471" s="19">
        <v>42</v>
      </c>
      <c r="I471" s="19">
        <v>580</v>
      </c>
      <c r="J471" s="19">
        <v>101</v>
      </c>
      <c r="K471" s="19">
        <v>3637</v>
      </c>
      <c r="L471" s="19">
        <v>0</v>
      </c>
      <c r="M471" s="19">
        <v>0</v>
      </c>
      <c r="N471" s="19">
        <v>65</v>
      </c>
      <c r="O471" s="19">
        <v>2456</v>
      </c>
      <c r="P471" s="19">
        <v>36</v>
      </c>
      <c r="Q471" s="19">
        <v>1181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13</v>
      </c>
      <c r="G472" s="21">
        <v>1499</v>
      </c>
      <c r="H472" s="21">
        <v>7</v>
      </c>
      <c r="I472" s="21">
        <v>873</v>
      </c>
      <c r="J472" s="21">
        <v>6</v>
      </c>
      <c r="K472" s="21">
        <v>626</v>
      </c>
      <c r="L472" s="21">
        <v>0</v>
      </c>
      <c r="M472" s="21">
        <v>0</v>
      </c>
      <c r="N472" s="21">
        <v>1</v>
      </c>
      <c r="O472" s="21">
        <v>101</v>
      </c>
      <c r="P472" s="21">
        <v>5</v>
      </c>
      <c r="Q472" s="21">
        <v>525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3</v>
      </c>
      <c r="G473" s="16">
        <v>1499</v>
      </c>
      <c r="H473" s="16">
        <v>7</v>
      </c>
      <c r="I473" s="16">
        <v>873</v>
      </c>
      <c r="J473" s="16">
        <v>6</v>
      </c>
      <c r="K473" s="16">
        <v>626</v>
      </c>
      <c r="L473" s="16">
        <v>0</v>
      </c>
      <c r="M473" s="16">
        <v>0</v>
      </c>
      <c r="N473" s="16">
        <v>1</v>
      </c>
      <c r="O473" s="16">
        <v>101</v>
      </c>
      <c r="P473" s="16">
        <v>5</v>
      </c>
      <c r="Q473" s="16">
        <v>525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107</v>
      </c>
      <c r="G476" s="21">
        <v>3046</v>
      </c>
      <c r="H476" s="21">
        <v>42</v>
      </c>
      <c r="I476" s="21">
        <v>580</v>
      </c>
      <c r="J476" s="21">
        <v>65</v>
      </c>
      <c r="K476" s="21">
        <v>2466</v>
      </c>
      <c r="L476" s="21">
        <v>0</v>
      </c>
      <c r="M476" s="21">
        <v>0</v>
      </c>
      <c r="N476" s="21">
        <v>29</v>
      </c>
      <c r="O476" s="21">
        <v>1285</v>
      </c>
      <c r="P476" s="21">
        <v>36</v>
      </c>
      <c r="Q476" s="21">
        <v>1181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107</v>
      </c>
      <c r="G479" s="19">
        <v>3046</v>
      </c>
      <c r="H479" s="19">
        <v>42</v>
      </c>
      <c r="I479" s="19">
        <v>580</v>
      </c>
      <c r="J479" s="19">
        <v>65</v>
      </c>
      <c r="K479" s="19">
        <v>2466</v>
      </c>
      <c r="L479" s="19">
        <v>0</v>
      </c>
      <c r="M479" s="19">
        <v>0</v>
      </c>
      <c r="N479" s="19">
        <v>29</v>
      </c>
      <c r="O479" s="19">
        <v>1285</v>
      </c>
      <c r="P479" s="19">
        <v>36</v>
      </c>
      <c r="Q479" s="19">
        <v>1181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55</v>
      </c>
      <c r="G484" s="21">
        <v>2990</v>
      </c>
      <c r="H484" s="21">
        <v>19</v>
      </c>
      <c r="I484" s="21">
        <v>1819</v>
      </c>
      <c r="J484" s="21">
        <v>36</v>
      </c>
      <c r="K484" s="21">
        <v>1171</v>
      </c>
      <c r="L484" s="21">
        <v>0</v>
      </c>
      <c r="M484" s="21">
        <v>0</v>
      </c>
      <c r="N484" s="21">
        <v>36</v>
      </c>
      <c r="O484" s="21">
        <v>1171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19</v>
      </c>
      <c r="G485" s="16">
        <v>1819</v>
      </c>
      <c r="H485" s="16">
        <v>19</v>
      </c>
      <c r="I485" s="16">
        <v>1819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36</v>
      </c>
      <c r="G487" s="19">
        <v>1171</v>
      </c>
      <c r="H487" s="19">
        <v>0</v>
      </c>
      <c r="I487" s="19">
        <v>0</v>
      </c>
      <c r="J487" s="19">
        <v>36</v>
      </c>
      <c r="K487" s="19">
        <v>1171</v>
      </c>
      <c r="L487" s="19">
        <v>0</v>
      </c>
      <c r="M487" s="19">
        <v>0</v>
      </c>
      <c r="N487" s="19">
        <v>36</v>
      </c>
      <c r="O487" s="19">
        <v>1171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101</v>
      </c>
      <c r="G488" s="21">
        <v>8231</v>
      </c>
      <c r="H488" s="21">
        <v>24</v>
      </c>
      <c r="I488" s="21">
        <v>2642</v>
      </c>
      <c r="J488" s="21">
        <v>77</v>
      </c>
      <c r="K488" s="21">
        <v>5589</v>
      </c>
      <c r="L488" s="21">
        <v>0</v>
      </c>
      <c r="M488" s="21">
        <v>0</v>
      </c>
      <c r="N488" s="21">
        <v>56</v>
      </c>
      <c r="O488" s="21">
        <v>4483</v>
      </c>
      <c r="P488" s="21">
        <v>21</v>
      </c>
      <c r="Q488" s="21">
        <v>1106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24</v>
      </c>
      <c r="G489" s="16">
        <v>2642</v>
      </c>
      <c r="H489" s="16">
        <v>24</v>
      </c>
      <c r="I489" s="16">
        <v>2642</v>
      </c>
      <c r="J489" s="16">
        <v>0</v>
      </c>
      <c r="K489" s="16">
        <v>0</v>
      </c>
      <c r="L489" s="16">
        <v>0</v>
      </c>
      <c r="M489" s="16">
        <v>0</v>
      </c>
      <c r="N489" s="16">
        <v>0</v>
      </c>
      <c r="O489" s="16">
        <v>0</v>
      </c>
      <c r="P489" s="16">
        <v>0</v>
      </c>
      <c r="Q489" s="16">
        <v>0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2</v>
      </c>
      <c r="G490" s="16">
        <v>96</v>
      </c>
      <c r="H490" s="16">
        <v>0</v>
      </c>
      <c r="I490" s="16">
        <v>0</v>
      </c>
      <c r="J490" s="16">
        <v>2</v>
      </c>
      <c r="K490" s="16">
        <v>96</v>
      </c>
      <c r="L490" s="16">
        <v>0</v>
      </c>
      <c r="M490" s="16">
        <v>0</v>
      </c>
      <c r="N490" s="16">
        <v>0</v>
      </c>
      <c r="O490" s="16">
        <v>0</v>
      </c>
      <c r="P490" s="16">
        <v>2</v>
      </c>
      <c r="Q490" s="16">
        <v>96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75</v>
      </c>
      <c r="G491" s="19">
        <v>5493</v>
      </c>
      <c r="H491" s="19">
        <v>0</v>
      </c>
      <c r="I491" s="19">
        <v>0</v>
      </c>
      <c r="J491" s="19">
        <v>75</v>
      </c>
      <c r="K491" s="19">
        <v>5493</v>
      </c>
      <c r="L491" s="19">
        <v>0</v>
      </c>
      <c r="M491" s="19">
        <v>0</v>
      </c>
      <c r="N491" s="19">
        <v>56</v>
      </c>
      <c r="O491" s="19">
        <v>4483</v>
      </c>
      <c r="P491" s="19">
        <v>19</v>
      </c>
      <c r="Q491" s="19">
        <v>1010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10</v>
      </c>
      <c r="G492" s="21">
        <v>1115</v>
      </c>
      <c r="H492" s="21">
        <v>10</v>
      </c>
      <c r="I492" s="21">
        <v>1115</v>
      </c>
      <c r="J492" s="21">
        <v>0</v>
      </c>
      <c r="K492" s="21">
        <v>0</v>
      </c>
      <c r="L492" s="21">
        <v>0</v>
      </c>
      <c r="M492" s="21">
        <v>0</v>
      </c>
      <c r="N492" s="21">
        <v>0</v>
      </c>
      <c r="O492" s="21">
        <v>0</v>
      </c>
      <c r="P492" s="21">
        <v>0</v>
      </c>
      <c r="Q492" s="21">
        <v>0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0</v>
      </c>
      <c r="G493" s="16">
        <v>1115</v>
      </c>
      <c r="H493" s="16">
        <v>10</v>
      </c>
      <c r="I493" s="16">
        <v>1115</v>
      </c>
      <c r="J493" s="16">
        <v>0</v>
      </c>
      <c r="K493" s="16">
        <v>0</v>
      </c>
      <c r="L493" s="16">
        <v>0</v>
      </c>
      <c r="M493" s="16">
        <v>0</v>
      </c>
      <c r="N493" s="16">
        <v>0</v>
      </c>
      <c r="O493" s="16">
        <v>0</v>
      </c>
      <c r="P493" s="16">
        <v>0</v>
      </c>
      <c r="Q493" s="16">
        <v>0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21</v>
      </c>
      <c r="G496" s="21">
        <v>1106</v>
      </c>
      <c r="H496" s="21">
        <v>0</v>
      </c>
      <c r="I496" s="21">
        <v>0</v>
      </c>
      <c r="J496" s="21">
        <v>21</v>
      </c>
      <c r="K496" s="21">
        <v>1106</v>
      </c>
      <c r="L496" s="21">
        <v>0</v>
      </c>
      <c r="M496" s="21">
        <v>0</v>
      </c>
      <c r="N496" s="21">
        <v>0</v>
      </c>
      <c r="O496" s="21">
        <v>0</v>
      </c>
      <c r="P496" s="21">
        <v>21</v>
      </c>
      <c r="Q496" s="21">
        <v>1106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2</v>
      </c>
      <c r="G498" s="16">
        <v>96</v>
      </c>
      <c r="H498" s="16">
        <v>0</v>
      </c>
      <c r="I498" s="16">
        <v>0</v>
      </c>
      <c r="J498" s="16">
        <v>2</v>
      </c>
      <c r="K498" s="16">
        <v>96</v>
      </c>
      <c r="L498" s="16">
        <v>0</v>
      </c>
      <c r="M498" s="16">
        <v>0</v>
      </c>
      <c r="N498" s="16">
        <v>0</v>
      </c>
      <c r="O498" s="16">
        <v>0</v>
      </c>
      <c r="P498" s="16">
        <v>2</v>
      </c>
      <c r="Q498" s="16">
        <v>96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19</v>
      </c>
      <c r="G499" s="19">
        <v>1010</v>
      </c>
      <c r="H499" s="19">
        <v>0</v>
      </c>
      <c r="I499" s="19">
        <v>0</v>
      </c>
      <c r="J499" s="19">
        <v>19</v>
      </c>
      <c r="K499" s="19">
        <v>1010</v>
      </c>
      <c r="L499" s="19">
        <v>0</v>
      </c>
      <c r="M499" s="19">
        <v>0</v>
      </c>
      <c r="N499" s="19">
        <v>0</v>
      </c>
      <c r="O499" s="19">
        <v>0</v>
      </c>
      <c r="P499" s="19">
        <v>19</v>
      </c>
      <c r="Q499" s="19">
        <v>1010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70</v>
      </c>
      <c r="G504" s="21">
        <v>6010</v>
      </c>
      <c r="H504" s="21">
        <v>14</v>
      </c>
      <c r="I504" s="21">
        <v>1527</v>
      </c>
      <c r="J504" s="21">
        <v>56</v>
      </c>
      <c r="K504" s="21">
        <v>4483</v>
      </c>
      <c r="L504" s="21">
        <v>0</v>
      </c>
      <c r="M504" s="21">
        <v>0</v>
      </c>
      <c r="N504" s="21">
        <v>56</v>
      </c>
      <c r="O504" s="21">
        <v>4483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14</v>
      </c>
      <c r="G505" s="16">
        <v>1527</v>
      </c>
      <c r="H505" s="16">
        <v>14</v>
      </c>
      <c r="I505" s="16">
        <v>1527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56</v>
      </c>
      <c r="G507" s="19">
        <v>4483</v>
      </c>
      <c r="H507" s="19">
        <v>0</v>
      </c>
      <c r="I507" s="19">
        <v>0</v>
      </c>
      <c r="J507" s="19">
        <v>56</v>
      </c>
      <c r="K507" s="19">
        <v>4483</v>
      </c>
      <c r="L507" s="19">
        <v>0</v>
      </c>
      <c r="M507" s="19">
        <v>0</v>
      </c>
      <c r="N507" s="19">
        <v>56</v>
      </c>
      <c r="O507" s="19">
        <v>4483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56</v>
      </c>
      <c r="G508" s="21">
        <v>9294</v>
      </c>
      <c r="H508" s="21">
        <v>89</v>
      </c>
      <c r="I508" s="21">
        <v>5764</v>
      </c>
      <c r="J508" s="21">
        <v>67</v>
      </c>
      <c r="K508" s="21">
        <v>3530</v>
      </c>
      <c r="L508" s="21">
        <v>0</v>
      </c>
      <c r="M508" s="21">
        <v>0</v>
      </c>
      <c r="N508" s="21">
        <v>32</v>
      </c>
      <c r="O508" s="21">
        <v>1585</v>
      </c>
      <c r="P508" s="21">
        <v>35</v>
      </c>
      <c r="Q508" s="21">
        <v>1945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51</v>
      </c>
      <c r="G509" s="16">
        <v>4787</v>
      </c>
      <c r="H509" s="16">
        <v>48</v>
      </c>
      <c r="I509" s="16">
        <v>4454</v>
      </c>
      <c r="J509" s="16">
        <v>3</v>
      </c>
      <c r="K509" s="16">
        <v>333</v>
      </c>
      <c r="L509" s="16">
        <v>0</v>
      </c>
      <c r="M509" s="16">
        <v>0</v>
      </c>
      <c r="N509" s="16">
        <v>0</v>
      </c>
      <c r="O509" s="16">
        <v>0</v>
      </c>
      <c r="P509" s="16">
        <v>3</v>
      </c>
      <c r="Q509" s="16">
        <v>333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2</v>
      </c>
      <c r="G510" s="16">
        <v>82</v>
      </c>
      <c r="H510" s="16">
        <v>0</v>
      </c>
      <c r="I510" s="16">
        <v>0</v>
      </c>
      <c r="J510" s="16">
        <v>2</v>
      </c>
      <c r="K510" s="16">
        <v>82</v>
      </c>
      <c r="L510" s="16">
        <v>0</v>
      </c>
      <c r="M510" s="16">
        <v>0</v>
      </c>
      <c r="N510" s="16">
        <v>0</v>
      </c>
      <c r="O510" s="16">
        <v>0</v>
      </c>
      <c r="P510" s="16">
        <v>2</v>
      </c>
      <c r="Q510" s="16">
        <v>82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103</v>
      </c>
      <c r="G511" s="19">
        <v>4425</v>
      </c>
      <c r="H511" s="19">
        <v>41</v>
      </c>
      <c r="I511" s="19">
        <v>1310</v>
      </c>
      <c r="J511" s="19">
        <v>62</v>
      </c>
      <c r="K511" s="19">
        <v>3115</v>
      </c>
      <c r="L511" s="19">
        <v>0</v>
      </c>
      <c r="M511" s="19">
        <v>0</v>
      </c>
      <c r="N511" s="19">
        <v>32</v>
      </c>
      <c r="O511" s="19">
        <v>1585</v>
      </c>
      <c r="P511" s="19">
        <v>30</v>
      </c>
      <c r="Q511" s="19">
        <v>1530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22</v>
      </c>
      <c r="G512" s="21">
        <v>2101</v>
      </c>
      <c r="H512" s="21">
        <v>19</v>
      </c>
      <c r="I512" s="21">
        <v>1768</v>
      </c>
      <c r="J512" s="21">
        <v>3</v>
      </c>
      <c r="K512" s="21">
        <v>333</v>
      </c>
      <c r="L512" s="21">
        <v>0</v>
      </c>
      <c r="M512" s="21">
        <v>0</v>
      </c>
      <c r="N512" s="21">
        <v>0</v>
      </c>
      <c r="O512" s="21">
        <v>0</v>
      </c>
      <c r="P512" s="21">
        <v>3</v>
      </c>
      <c r="Q512" s="21">
        <v>333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22</v>
      </c>
      <c r="G513" s="16">
        <v>2101</v>
      </c>
      <c r="H513" s="16">
        <v>19</v>
      </c>
      <c r="I513" s="16">
        <v>1768</v>
      </c>
      <c r="J513" s="16">
        <v>3</v>
      </c>
      <c r="K513" s="16">
        <v>333</v>
      </c>
      <c r="L513" s="16">
        <v>0</v>
      </c>
      <c r="M513" s="16">
        <v>0</v>
      </c>
      <c r="N513" s="16">
        <v>0</v>
      </c>
      <c r="O513" s="16">
        <v>0</v>
      </c>
      <c r="P513" s="16">
        <v>3</v>
      </c>
      <c r="Q513" s="16">
        <v>333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0</v>
      </c>
      <c r="G515" s="19">
        <v>0</v>
      </c>
      <c r="H515" s="19">
        <v>0</v>
      </c>
      <c r="I515" s="19">
        <v>0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78</v>
      </c>
      <c r="G516" s="21">
        <v>3313</v>
      </c>
      <c r="H516" s="21">
        <v>46</v>
      </c>
      <c r="I516" s="21">
        <v>1701</v>
      </c>
      <c r="J516" s="21">
        <v>32</v>
      </c>
      <c r="K516" s="21">
        <v>1612</v>
      </c>
      <c r="L516" s="21">
        <v>0</v>
      </c>
      <c r="M516" s="21">
        <v>0</v>
      </c>
      <c r="N516" s="21">
        <v>0</v>
      </c>
      <c r="O516" s="21">
        <v>0</v>
      </c>
      <c r="P516" s="21">
        <v>32</v>
      </c>
      <c r="Q516" s="21">
        <v>1612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5</v>
      </c>
      <c r="G517" s="16">
        <v>391</v>
      </c>
      <c r="H517" s="16">
        <v>5</v>
      </c>
      <c r="I517" s="16">
        <v>391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2</v>
      </c>
      <c r="G518" s="16">
        <v>82</v>
      </c>
      <c r="H518" s="16">
        <v>0</v>
      </c>
      <c r="I518" s="16">
        <v>0</v>
      </c>
      <c r="J518" s="16">
        <v>2</v>
      </c>
      <c r="K518" s="16">
        <v>82</v>
      </c>
      <c r="L518" s="16">
        <v>0</v>
      </c>
      <c r="M518" s="16">
        <v>0</v>
      </c>
      <c r="N518" s="16">
        <v>0</v>
      </c>
      <c r="O518" s="16">
        <v>0</v>
      </c>
      <c r="P518" s="16">
        <v>2</v>
      </c>
      <c r="Q518" s="16">
        <v>82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71</v>
      </c>
      <c r="G519" s="19">
        <v>2840</v>
      </c>
      <c r="H519" s="19">
        <v>41</v>
      </c>
      <c r="I519" s="19">
        <v>1310</v>
      </c>
      <c r="J519" s="19">
        <v>30</v>
      </c>
      <c r="K519" s="19">
        <v>1530</v>
      </c>
      <c r="L519" s="19">
        <v>0</v>
      </c>
      <c r="M519" s="19">
        <v>0</v>
      </c>
      <c r="N519" s="19">
        <v>0</v>
      </c>
      <c r="O519" s="19">
        <v>0</v>
      </c>
      <c r="P519" s="19">
        <v>30</v>
      </c>
      <c r="Q519" s="19">
        <v>1530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56</v>
      </c>
      <c r="G524" s="21">
        <v>3880</v>
      </c>
      <c r="H524" s="21">
        <v>24</v>
      </c>
      <c r="I524" s="21">
        <v>2295</v>
      </c>
      <c r="J524" s="21">
        <v>32</v>
      </c>
      <c r="K524" s="21">
        <v>1585</v>
      </c>
      <c r="L524" s="21">
        <v>0</v>
      </c>
      <c r="M524" s="21">
        <v>0</v>
      </c>
      <c r="N524" s="21">
        <v>32</v>
      </c>
      <c r="O524" s="21">
        <v>1585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24</v>
      </c>
      <c r="G525" s="16">
        <v>2295</v>
      </c>
      <c r="H525" s="16">
        <v>24</v>
      </c>
      <c r="I525" s="16">
        <v>2295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32</v>
      </c>
      <c r="G527" s="19">
        <v>1585</v>
      </c>
      <c r="H527" s="19">
        <v>0</v>
      </c>
      <c r="I527" s="19">
        <v>0</v>
      </c>
      <c r="J527" s="19">
        <v>32</v>
      </c>
      <c r="K527" s="19">
        <v>1585</v>
      </c>
      <c r="L527" s="19">
        <v>0</v>
      </c>
      <c r="M527" s="19">
        <v>0</v>
      </c>
      <c r="N527" s="19">
        <v>32</v>
      </c>
      <c r="O527" s="19">
        <v>1585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108</v>
      </c>
      <c r="G528" s="21">
        <v>6966</v>
      </c>
      <c r="H528" s="21">
        <v>44</v>
      </c>
      <c r="I528" s="21">
        <v>4069</v>
      </c>
      <c r="J528" s="21">
        <v>64</v>
      </c>
      <c r="K528" s="21">
        <v>2897</v>
      </c>
      <c r="L528" s="21">
        <v>0</v>
      </c>
      <c r="M528" s="21">
        <v>0</v>
      </c>
      <c r="N528" s="21">
        <v>9</v>
      </c>
      <c r="O528" s="21">
        <v>359</v>
      </c>
      <c r="P528" s="21">
        <v>55</v>
      </c>
      <c r="Q528" s="21">
        <v>2538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38</v>
      </c>
      <c r="G529" s="16">
        <v>4014</v>
      </c>
      <c r="H529" s="16">
        <v>35</v>
      </c>
      <c r="I529" s="16">
        <v>3578</v>
      </c>
      <c r="J529" s="16">
        <v>3</v>
      </c>
      <c r="K529" s="16">
        <v>436</v>
      </c>
      <c r="L529" s="16">
        <v>0</v>
      </c>
      <c r="M529" s="16">
        <v>0</v>
      </c>
      <c r="N529" s="16">
        <v>0</v>
      </c>
      <c r="O529" s="16">
        <v>0</v>
      </c>
      <c r="P529" s="16">
        <v>3</v>
      </c>
      <c r="Q529" s="16">
        <v>436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10</v>
      </c>
      <c r="G530" s="16">
        <v>484</v>
      </c>
      <c r="H530" s="16">
        <v>0</v>
      </c>
      <c r="I530" s="16">
        <v>0</v>
      </c>
      <c r="J530" s="16">
        <v>10</v>
      </c>
      <c r="K530" s="16">
        <v>484</v>
      </c>
      <c r="L530" s="16">
        <v>0</v>
      </c>
      <c r="M530" s="16">
        <v>0</v>
      </c>
      <c r="N530" s="16">
        <v>0</v>
      </c>
      <c r="O530" s="16">
        <v>0</v>
      </c>
      <c r="P530" s="16">
        <v>10</v>
      </c>
      <c r="Q530" s="16">
        <v>484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60</v>
      </c>
      <c r="G531" s="19">
        <v>2468</v>
      </c>
      <c r="H531" s="19">
        <v>9</v>
      </c>
      <c r="I531" s="19">
        <v>491</v>
      </c>
      <c r="J531" s="19">
        <v>51</v>
      </c>
      <c r="K531" s="19">
        <v>1977</v>
      </c>
      <c r="L531" s="19">
        <v>0</v>
      </c>
      <c r="M531" s="19">
        <v>0</v>
      </c>
      <c r="N531" s="19">
        <v>9</v>
      </c>
      <c r="O531" s="19">
        <v>359</v>
      </c>
      <c r="P531" s="19">
        <v>42</v>
      </c>
      <c r="Q531" s="19">
        <v>1618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5</v>
      </c>
      <c r="G532" s="21">
        <v>1833</v>
      </c>
      <c r="H532" s="21">
        <v>12</v>
      </c>
      <c r="I532" s="21">
        <v>1397</v>
      </c>
      <c r="J532" s="21">
        <v>3</v>
      </c>
      <c r="K532" s="21">
        <v>436</v>
      </c>
      <c r="L532" s="21">
        <v>0</v>
      </c>
      <c r="M532" s="21">
        <v>0</v>
      </c>
      <c r="N532" s="21">
        <v>0</v>
      </c>
      <c r="O532" s="21">
        <v>0</v>
      </c>
      <c r="P532" s="21">
        <v>3</v>
      </c>
      <c r="Q532" s="21">
        <v>436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5</v>
      </c>
      <c r="G533" s="16">
        <v>1833</v>
      </c>
      <c r="H533" s="16">
        <v>12</v>
      </c>
      <c r="I533" s="16">
        <v>1397</v>
      </c>
      <c r="J533" s="16">
        <v>3</v>
      </c>
      <c r="K533" s="16">
        <v>436</v>
      </c>
      <c r="L533" s="16">
        <v>0</v>
      </c>
      <c r="M533" s="16">
        <v>0</v>
      </c>
      <c r="N533" s="16">
        <v>0</v>
      </c>
      <c r="O533" s="16">
        <v>0</v>
      </c>
      <c r="P533" s="16">
        <v>3</v>
      </c>
      <c r="Q533" s="16">
        <v>436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70</v>
      </c>
      <c r="G536" s="21">
        <v>2952</v>
      </c>
      <c r="H536" s="21">
        <v>9</v>
      </c>
      <c r="I536" s="21">
        <v>491</v>
      </c>
      <c r="J536" s="21">
        <v>61</v>
      </c>
      <c r="K536" s="21">
        <v>2461</v>
      </c>
      <c r="L536" s="21">
        <v>0</v>
      </c>
      <c r="M536" s="21">
        <v>0</v>
      </c>
      <c r="N536" s="21">
        <v>9</v>
      </c>
      <c r="O536" s="21">
        <v>359</v>
      </c>
      <c r="P536" s="21">
        <v>52</v>
      </c>
      <c r="Q536" s="21">
        <v>2102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10</v>
      </c>
      <c r="G538" s="16">
        <v>484</v>
      </c>
      <c r="H538" s="16">
        <v>0</v>
      </c>
      <c r="I538" s="16">
        <v>0</v>
      </c>
      <c r="J538" s="16">
        <v>10</v>
      </c>
      <c r="K538" s="16">
        <v>484</v>
      </c>
      <c r="L538" s="16">
        <v>0</v>
      </c>
      <c r="M538" s="16">
        <v>0</v>
      </c>
      <c r="N538" s="16">
        <v>0</v>
      </c>
      <c r="O538" s="16">
        <v>0</v>
      </c>
      <c r="P538" s="16">
        <v>10</v>
      </c>
      <c r="Q538" s="16">
        <v>484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60</v>
      </c>
      <c r="G539" s="19">
        <v>2468</v>
      </c>
      <c r="H539" s="19">
        <v>9</v>
      </c>
      <c r="I539" s="19">
        <v>491</v>
      </c>
      <c r="J539" s="19">
        <v>51</v>
      </c>
      <c r="K539" s="19">
        <v>1977</v>
      </c>
      <c r="L539" s="19">
        <v>0</v>
      </c>
      <c r="M539" s="19">
        <v>0</v>
      </c>
      <c r="N539" s="19">
        <v>9</v>
      </c>
      <c r="O539" s="19">
        <v>359</v>
      </c>
      <c r="P539" s="19">
        <v>42</v>
      </c>
      <c r="Q539" s="19">
        <v>1618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23</v>
      </c>
      <c r="G544" s="21">
        <v>2181</v>
      </c>
      <c r="H544" s="21">
        <v>23</v>
      </c>
      <c r="I544" s="21">
        <v>2181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23</v>
      </c>
      <c r="G545" s="16">
        <v>2181</v>
      </c>
      <c r="H545" s="16">
        <v>23</v>
      </c>
      <c r="I545" s="16">
        <v>2181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170</v>
      </c>
      <c r="G548" s="21">
        <v>11367</v>
      </c>
      <c r="H548" s="21">
        <v>115</v>
      </c>
      <c r="I548" s="21">
        <v>8037</v>
      </c>
      <c r="J548" s="21">
        <v>55</v>
      </c>
      <c r="K548" s="21">
        <v>3330</v>
      </c>
      <c r="L548" s="21">
        <v>0</v>
      </c>
      <c r="M548" s="21">
        <v>0</v>
      </c>
      <c r="N548" s="21">
        <v>9</v>
      </c>
      <c r="O548" s="21">
        <v>530</v>
      </c>
      <c r="P548" s="21">
        <v>46</v>
      </c>
      <c r="Q548" s="21">
        <v>2800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57</v>
      </c>
      <c r="G549" s="16">
        <v>6418</v>
      </c>
      <c r="H549" s="16">
        <v>54</v>
      </c>
      <c r="I549" s="16">
        <v>6014</v>
      </c>
      <c r="J549" s="16">
        <v>3</v>
      </c>
      <c r="K549" s="16">
        <v>404</v>
      </c>
      <c r="L549" s="16">
        <v>0</v>
      </c>
      <c r="M549" s="16">
        <v>0</v>
      </c>
      <c r="N549" s="16">
        <v>1</v>
      </c>
      <c r="O549" s="16">
        <v>120</v>
      </c>
      <c r="P549" s="16">
        <v>2</v>
      </c>
      <c r="Q549" s="16">
        <v>284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2</v>
      </c>
      <c r="G550" s="16">
        <v>91</v>
      </c>
      <c r="H550" s="16">
        <v>2</v>
      </c>
      <c r="I550" s="16">
        <v>91</v>
      </c>
      <c r="J550" s="16">
        <v>0</v>
      </c>
      <c r="K550" s="16">
        <v>0</v>
      </c>
      <c r="L550" s="16">
        <v>0</v>
      </c>
      <c r="M550" s="16">
        <v>0</v>
      </c>
      <c r="N550" s="16">
        <v>0</v>
      </c>
      <c r="O550" s="16">
        <v>0</v>
      </c>
      <c r="P550" s="16">
        <v>0</v>
      </c>
      <c r="Q550" s="16">
        <v>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111</v>
      </c>
      <c r="G551" s="19">
        <v>4858</v>
      </c>
      <c r="H551" s="19">
        <v>59</v>
      </c>
      <c r="I551" s="19">
        <v>1932</v>
      </c>
      <c r="J551" s="19">
        <v>52</v>
      </c>
      <c r="K551" s="19">
        <v>2926</v>
      </c>
      <c r="L551" s="19">
        <v>0</v>
      </c>
      <c r="M551" s="19">
        <v>0</v>
      </c>
      <c r="N551" s="19">
        <v>8</v>
      </c>
      <c r="O551" s="19">
        <v>410</v>
      </c>
      <c r="P551" s="19">
        <v>44</v>
      </c>
      <c r="Q551" s="19">
        <v>2516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27</v>
      </c>
      <c r="G552" s="21">
        <v>3376</v>
      </c>
      <c r="H552" s="21">
        <v>26</v>
      </c>
      <c r="I552" s="21">
        <v>3175</v>
      </c>
      <c r="J552" s="21">
        <v>1</v>
      </c>
      <c r="K552" s="21">
        <v>201</v>
      </c>
      <c r="L552" s="21">
        <v>0</v>
      </c>
      <c r="M552" s="21">
        <v>0</v>
      </c>
      <c r="N552" s="21">
        <v>0</v>
      </c>
      <c r="O552" s="21">
        <v>0</v>
      </c>
      <c r="P552" s="21">
        <v>1</v>
      </c>
      <c r="Q552" s="21">
        <v>201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26</v>
      </c>
      <c r="G553" s="16">
        <v>3204</v>
      </c>
      <c r="H553" s="16">
        <v>25</v>
      </c>
      <c r="I553" s="16">
        <v>3003</v>
      </c>
      <c r="J553" s="16">
        <v>1</v>
      </c>
      <c r="K553" s="16">
        <v>201</v>
      </c>
      <c r="L553" s="16">
        <v>0</v>
      </c>
      <c r="M553" s="16">
        <v>0</v>
      </c>
      <c r="N553" s="16">
        <v>0</v>
      </c>
      <c r="O553" s="16">
        <v>0</v>
      </c>
      <c r="P553" s="16">
        <v>1</v>
      </c>
      <c r="Q553" s="16">
        <v>201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1</v>
      </c>
      <c r="G555" s="19">
        <v>172</v>
      </c>
      <c r="H555" s="19">
        <v>1</v>
      </c>
      <c r="I555" s="19">
        <v>172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115</v>
      </c>
      <c r="G556" s="21">
        <v>5077</v>
      </c>
      <c r="H556" s="21">
        <v>62</v>
      </c>
      <c r="I556" s="21">
        <v>2068</v>
      </c>
      <c r="J556" s="21">
        <v>53</v>
      </c>
      <c r="K556" s="21">
        <v>3009</v>
      </c>
      <c r="L556" s="21">
        <v>0</v>
      </c>
      <c r="M556" s="21">
        <v>0</v>
      </c>
      <c r="N556" s="21">
        <v>8</v>
      </c>
      <c r="O556" s="21">
        <v>410</v>
      </c>
      <c r="P556" s="21">
        <v>45</v>
      </c>
      <c r="Q556" s="21">
        <v>2599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3</v>
      </c>
      <c r="G557" s="16">
        <v>300</v>
      </c>
      <c r="H557" s="16">
        <v>2</v>
      </c>
      <c r="I557" s="16">
        <v>217</v>
      </c>
      <c r="J557" s="16">
        <v>1</v>
      </c>
      <c r="K557" s="16">
        <v>83</v>
      </c>
      <c r="L557" s="16">
        <v>0</v>
      </c>
      <c r="M557" s="16">
        <v>0</v>
      </c>
      <c r="N557" s="16">
        <v>0</v>
      </c>
      <c r="O557" s="16">
        <v>0</v>
      </c>
      <c r="P557" s="16">
        <v>1</v>
      </c>
      <c r="Q557" s="16">
        <v>83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2</v>
      </c>
      <c r="G558" s="16">
        <v>91</v>
      </c>
      <c r="H558" s="16">
        <v>2</v>
      </c>
      <c r="I558" s="16">
        <v>91</v>
      </c>
      <c r="J558" s="16">
        <v>0</v>
      </c>
      <c r="K558" s="16">
        <v>0</v>
      </c>
      <c r="L558" s="16">
        <v>0</v>
      </c>
      <c r="M558" s="16">
        <v>0</v>
      </c>
      <c r="N558" s="16">
        <v>0</v>
      </c>
      <c r="O558" s="16">
        <v>0</v>
      </c>
      <c r="P558" s="16">
        <v>0</v>
      </c>
      <c r="Q558" s="16">
        <v>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110</v>
      </c>
      <c r="G559" s="19">
        <v>4686</v>
      </c>
      <c r="H559" s="19">
        <v>58</v>
      </c>
      <c r="I559" s="19">
        <v>1760</v>
      </c>
      <c r="J559" s="19">
        <v>52</v>
      </c>
      <c r="K559" s="19">
        <v>2926</v>
      </c>
      <c r="L559" s="19">
        <v>0</v>
      </c>
      <c r="M559" s="19">
        <v>0</v>
      </c>
      <c r="N559" s="19">
        <v>8</v>
      </c>
      <c r="O559" s="19">
        <v>410</v>
      </c>
      <c r="P559" s="19">
        <v>44</v>
      </c>
      <c r="Q559" s="19">
        <v>2516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28</v>
      </c>
      <c r="G564" s="21">
        <v>2914</v>
      </c>
      <c r="H564" s="21">
        <v>27</v>
      </c>
      <c r="I564" s="21">
        <v>2794</v>
      </c>
      <c r="J564" s="21">
        <v>1</v>
      </c>
      <c r="K564" s="21">
        <v>120</v>
      </c>
      <c r="L564" s="21">
        <v>0</v>
      </c>
      <c r="M564" s="21">
        <v>0</v>
      </c>
      <c r="N564" s="21">
        <v>1</v>
      </c>
      <c r="O564" s="21">
        <v>12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28</v>
      </c>
      <c r="G565" s="16">
        <v>2914</v>
      </c>
      <c r="H565" s="16">
        <v>27</v>
      </c>
      <c r="I565" s="16">
        <v>2794</v>
      </c>
      <c r="J565" s="16">
        <v>1</v>
      </c>
      <c r="K565" s="16">
        <v>120</v>
      </c>
      <c r="L565" s="16">
        <v>0</v>
      </c>
      <c r="M565" s="16">
        <v>0</v>
      </c>
      <c r="N565" s="16">
        <v>1</v>
      </c>
      <c r="O565" s="16">
        <v>12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0</v>
      </c>
      <c r="G567" s="19">
        <v>0</v>
      </c>
      <c r="H567" s="19">
        <v>0</v>
      </c>
      <c r="I567" s="19">
        <v>0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144</v>
      </c>
      <c r="G568" s="21">
        <v>8354</v>
      </c>
      <c r="H568" s="21">
        <v>45</v>
      </c>
      <c r="I568" s="21">
        <v>4320</v>
      </c>
      <c r="J568" s="21">
        <v>99</v>
      </c>
      <c r="K568" s="21">
        <v>4034</v>
      </c>
      <c r="L568" s="21">
        <v>0</v>
      </c>
      <c r="M568" s="21">
        <v>0</v>
      </c>
      <c r="N568" s="21">
        <v>68</v>
      </c>
      <c r="O568" s="21">
        <v>2326</v>
      </c>
      <c r="P568" s="21">
        <v>31</v>
      </c>
      <c r="Q568" s="21">
        <v>1708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41</v>
      </c>
      <c r="G569" s="16">
        <v>4384</v>
      </c>
      <c r="H569" s="16">
        <v>37</v>
      </c>
      <c r="I569" s="16">
        <v>3828</v>
      </c>
      <c r="J569" s="16">
        <v>4</v>
      </c>
      <c r="K569" s="16">
        <v>556</v>
      </c>
      <c r="L569" s="16">
        <v>0</v>
      </c>
      <c r="M569" s="16">
        <v>0</v>
      </c>
      <c r="N569" s="16">
        <v>0</v>
      </c>
      <c r="O569" s="16">
        <v>0</v>
      </c>
      <c r="P569" s="16">
        <v>4</v>
      </c>
      <c r="Q569" s="16">
        <v>556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0</v>
      </c>
      <c r="G570" s="16">
        <v>0</v>
      </c>
      <c r="H570" s="16">
        <v>0</v>
      </c>
      <c r="I570" s="16">
        <v>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103</v>
      </c>
      <c r="G571" s="19">
        <v>3970</v>
      </c>
      <c r="H571" s="19">
        <v>8</v>
      </c>
      <c r="I571" s="19">
        <v>492</v>
      </c>
      <c r="J571" s="19">
        <v>95</v>
      </c>
      <c r="K571" s="19">
        <v>3478</v>
      </c>
      <c r="L571" s="19">
        <v>0</v>
      </c>
      <c r="M571" s="19">
        <v>0</v>
      </c>
      <c r="N571" s="19">
        <v>68</v>
      </c>
      <c r="O571" s="19">
        <v>2326</v>
      </c>
      <c r="P571" s="19">
        <v>27</v>
      </c>
      <c r="Q571" s="19">
        <v>1152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15</v>
      </c>
      <c r="G572" s="21">
        <v>1820</v>
      </c>
      <c r="H572" s="21">
        <v>9</v>
      </c>
      <c r="I572" s="21">
        <v>977</v>
      </c>
      <c r="J572" s="21">
        <v>6</v>
      </c>
      <c r="K572" s="21">
        <v>843</v>
      </c>
      <c r="L572" s="21">
        <v>0</v>
      </c>
      <c r="M572" s="21">
        <v>0</v>
      </c>
      <c r="N572" s="21">
        <v>0</v>
      </c>
      <c r="O572" s="21">
        <v>0</v>
      </c>
      <c r="P572" s="21">
        <v>6</v>
      </c>
      <c r="Q572" s="21">
        <v>843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13</v>
      </c>
      <c r="G573" s="16">
        <v>1533</v>
      </c>
      <c r="H573" s="16">
        <v>9</v>
      </c>
      <c r="I573" s="16">
        <v>977</v>
      </c>
      <c r="J573" s="16">
        <v>4</v>
      </c>
      <c r="K573" s="16">
        <v>556</v>
      </c>
      <c r="L573" s="16">
        <v>0</v>
      </c>
      <c r="M573" s="16">
        <v>0</v>
      </c>
      <c r="N573" s="16">
        <v>0</v>
      </c>
      <c r="O573" s="16">
        <v>0</v>
      </c>
      <c r="P573" s="16">
        <v>4</v>
      </c>
      <c r="Q573" s="16">
        <v>556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2</v>
      </c>
      <c r="G575" s="19">
        <v>287</v>
      </c>
      <c r="H575" s="19">
        <v>0</v>
      </c>
      <c r="I575" s="19">
        <v>0</v>
      </c>
      <c r="J575" s="19">
        <v>2</v>
      </c>
      <c r="K575" s="19">
        <v>287</v>
      </c>
      <c r="L575" s="19">
        <v>0</v>
      </c>
      <c r="M575" s="19">
        <v>0</v>
      </c>
      <c r="N575" s="19">
        <v>0</v>
      </c>
      <c r="O575" s="19">
        <v>0</v>
      </c>
      <c r="P575" s="19">
        <v>2</v>
      </c>
      <c r="Q575" s="19">
        <v>287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33</v>
      </c>
      <c r="G576" s="21">
        <v>1357</v>
      </c>
      <c r="H576" s="21">
        <v>8</v>
      </c>
      <c r="I576" s="21">
        <v>492</v>
      </c>
      <c r="J576" s="21">
        <v>25</v>
      </c>
      <c r="K576" s="21">
        <v>865</v>
      </c>
      <c r="L576" s="21">
        <v>0</v>
      </c>
      <c r="M576" s="21">
        <v>0</v>
      </c>
      <c r="N576" s="21">
        <v>0</v>
      </c>
      <c r="O576" s="21">
        <v>0</v>
      </c>
      <c r="P576" s="21">
        <v>25</v>
      </c>
      <c r="Q576" s="21">
        <v>865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0</v>
      </c>
      <c r="G578" s="16">
        <v>0</v>
      </c>
      <c r="H578" s="16">
        <v>0</v>
      </c>
      <c r="I578" s="16">
        <v>0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33</v>
      </c>
      <c r="G579" s="19">
        <v>1357</v>
      </c>
      <c r="H579" s="19">
        <v>8</v>
      </c>
      <c r="I579" s="19">
        <v>492</v>
      </c>
      <c r="J579" s="19">
        <v>25</v>
      </c>
      <c r="K579" s="19">
        <v>865</v>
      </c>
      <c r="L579" s="19">
        <v>0</v>
      </c>
      <c r="M579" s="19">
        <v>0</v>
      </c>
      <c r="N579" s="19">
        <v>0</v>
      </c>
      <c r="O579" s="19">
        <v>0</v>
      </c>
      <c r="P579" s="19">
        <v>25</v>
      </c>
      <c r="Q579" s="19">
        <v>865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96</v>
      </c>
      <c r="G584" s="21">
        <v>5177</v>
      </c>
      <c r="H584" s="21">
        <v>28</v>
      </c>
      <c r="I584" s="21">
        <v>2851</v>
      </c>
      <c r="J584" s="21">
        <v>68</v>
      </c>
      <c r="K584" s="21">
        <v>2326</v>
      </c>
      <c r="L584" s="21">
        <v>0</v>
      </c>
      <c r="M584" s="21">
        <v>0</v>
      </c>
      <c r="N584" s="21">
        <v>68</v>
      </c>
      <c r="O584" s="21">
        <v>2326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28</v>
      </c>
      <c r="G585" s="16">
        <v>2851</v>
      </c>
      <c r="H585" s="16">
        <v>28</v>
      </c>
      <c r="I585" s="16">
        <v>2851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68</v>
      </c>
      <c r="G587" s="19">
        <v>2326</v>
      </c>
      <c r="H587" s="19">
        <v>0</v>
      </c>
      <c r="I587" s="19">
        <v>0</v>
      </c>
      <c r="J587" s="19">
        <v>68</v>
      </c>
      <c r="K587" s="19">
        <v>2326</v>
      </c>
      <c r="L587" s="19">
        <v>0</v>
      </c>
      <c r="M587" s="19">
        <v>0</v>
      </c>
      <c r="N587" s="19">
        <v>68</v>
      </c>
      <c r="O587" s="19">
        <v>2326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47</v>
      </c>
      <c r="G588" s="21">
        <v>4144</v>
      </c>
      <c r="H588" s="21">
        <v>39</v>
      </c>
      <c r="I588" s="21">
        <v>3400</v>
      </c>
      <c r="J588" s="21">
        <v>8</v>
      </c>
      <c r="K588" s="21">
        <v>744</v>
      </c>
      <c r="L588" s="21">
        <v>0</v>
      </c>
      <c r="M588" s="21">
        <v>0</v>
      </c>
      <c r="N588" s="21">
        <v>0</v>
      </c>
      <c r="O588" s="21">
        <v>0</v>
      </c>
      <c r="P588" s="21">
        <v>8</v>
      </c>
      <c r="Q588" s="21">
        <v>744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29</v>
      </c>
      <c r="G589" s="16">
        <v>3470</v>
      </c>
      <c r="H589" s="16">
        <v>25</v>
      </c>
      <c r="I589" s="16">
        <v>2921</v>
      </c>
      <c r="J589" s="16">
        <v>4</v>
      </c>
      <c r="K589" s="16">
        <v>549</v>
      </c>
      <c r="L589" s="16">
        <v>0</v>
      </c>
      <c r="M589" s="16">
        <v>0</v>
      </c>
      <c r="N589" s="16">
        <v>0</v>
      </c>
      <c r="O589" s="16">
        <v>0</v>
      </c>
      <c r="P589" s="16">
        <v>4</v>
      </c>
      <c r="Q589" s="16">
        <v>549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0</v>
      </c>
      <c r="G590" s="16">
        <v>0</v>
      </c>
      <c r="H590" s="16">
        <v>0</v>
      </c>
      <c r="I590" s="16">
        <v>0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18</v>
      </c>
      <c r="G591" s="19">
        <v>674</v>
      </c>
      <c r="H591" s="19">
        <v>14</v>
      </c>
      <c r="I591" s="19">
        <v>479</v>
      </c>
      <c r="J591" s="19">
        <v>4</v>
      </c>
      <c r="K591" s="19">
        <v>195</v>
      </c>
      <c r="L591" s="19">
        <v>0</v>
      </c>
      <c r="M591" s="19">
        <v>0</v>
      </c>
      <c r="N591" s="19">
        <v>0</v>
      </c>
      <c r="O591" s="19">
        <v>0</v>
      </c>
      <c r="P591" s="19">
        <v>4</v>
      </c>
      <c r="Q591" s="19">
        <v>195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17</v>
      </c>
      <c r="G592" s="21">
        <v>2259</v>
      </c>
      <c r="H592" s="21">
        <v>16</v>
      </c>
      <c r="I592" s="21">
        <v>2027</v>
      </c>
      <c r="J592" s="21">
        <v>1</v>
      </c>
      <c r="K592" s="21">
        <v>232</v>
      </c>
      <c r="L592" s="21">
        <v>0</v>
      </c>
      <c r="M592" s="21">
        <v>0</v>
      </c>
      <c r="N592" s="21">
        <v>0</v>
      </c>
      <c r="O592" s="21">
        <v>0</v>
      </c>
      <c r="P592" s="21">
        <v>1</v>
      </c>
      <c r="Q592" s="21">
        <v>232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17</v>
      </c>
      <c r="G593" s="16">
        <v>2259</v>
      </c>
      <c r="H593" s="16">
        <v>16</v>
      </c>
      <c r="I593" s="16">
        <v>2027</v>
      </c>
      <c r="J593" s="16">
        <v>1</v>
      </c>
      <c r="K593" s="16">
        <v>232</v>
      </c>
      <c r="L593" s="16">
        <v>0</v>
      </c>
      <c r="M593" s="16">
        <v>0</v>
      </c>
      <c r="N593" s="16">
        <v>0</v>
      </c>
      <c r="O593" s="16">
        <v>0</v>
      </c>
      <c r="P593" s="16">
        <v>1</v>
      </c>
      <c r="Q593" s="16">
        <v>232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18</v>
      </c>
      <c r="G596" s="21">
        <v>674</v>
      </c>
      <c r="H596" s="21">
        <v>14</v>
      </c>
      <c r="I596" s="21">
        <v>479</v>
      </c>
      <c r="J596" s="21">
        <v>4</v>
      </c>
      <c r="K596" s="21">
        <v>195</v>
      </c>
      <c r="L596" s="21">
        <v>0</v>
      </c>
      <c r="M596" s="21">
        <v>0</v>
      </c>
      <c r="N596" s="21">
        <v>0</v>
      </c>
      <c r="O596" s="21">
        <v>0</v>
      </c>
      <c r="P596" s="21">
        <v>4</v>
      </c>
      <c r="Q596" s="21">
        <v>195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0</v>
      </c>
      <c r="G598" s="16">
        <v>0</v>
      </c>
      <c r="H598" s="16">
        <v>0</v>
      </c>
      <c r="I598" s="16">
        <v>0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18</v>
      </c>
      <c r="G599" s="19">
        <v>674</v>
      </c>
      <c r="H599" s="19">
        <v>14</v>
      </c>
      <c r="I599" s="19">
        <v>479</v>
      </c>
      <c r="J599" s="19">
        <v>4</v>
      </c>
      <c r="K599" s="19">
        <v>195</v>
      </c>
      <c r="L599" s="19">
        <v>0</v>
      </c>
      <c r="M599" s="19">
        <v>0</v>
      </c>
      <c r="N599" s="19">
        <v>0</v>
      </c>
      <c r="O599" s="19">
        <v>0</v>
      </c>
      <c r="P599" s="19">
        <v>4</v>
      </c>
      <c r="Q599" s="19">
        <v>195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12</v>
      </c>
      <c r="G604" s="21">
        <v>1211</v>
      </c>
      <c r="H604" s="21">
        <v>9</v>
      </c>
      <c r="I604" s="21">
        <v>894</v>
      </c>
      <c r="J604" s="21">
        <v>3</v>
      </c>
      <c r="K604" s="21">
        <v>317</v>
      </c>
      <c r="L604" s="21">
        <v>0</v>
      </c>
      <c r="M604" s="21">
        <v>0</v>
      </c>
      <c r="N604" s="21">
        <v>0</v>
      </c>
      <c r="O604" s="21">
        <v>0</v>
      </c>
      <c r="P604" s="21">
        <v>3</v>
      </c>
      <c r="Q604" s="21">
        <v>317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12</v>
      </c>
      <c r="G605" s="16">
        <v>1211</v>
      </c>
      <c r="H605" s="16">
        <v>9</v>
      </c>
      <c r="I605" s="16">
        <v>894</v>
      </c>
      <c r="J605" s="16">
        <v>3</v>
      </c>
      <c r="K605" s="16">
        <v>317</v>
      </c>
      <c r="L605" s="16">
        <v>0</v>
      </c>
      <c r="M605" s="16">
        <v>0</v>
      </c>
      <c r="N605" s="16">
        <v>0</v>
      </c>
      <c r="O605" s="16">
        <v>0</v>
      </c>
      <c r="P605" s="16">
        <v>3</v>
      </c>
      <c r="Q605" s="16">
        <v>317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487</v>
      </c>
      <c r="G608" s="21">
        <v>33507</v>
      </c>
      <c r="H608" s="21">
        <v>232</v>
      </c>
      <c r="I608" s="21">
        <v>17311</v>
      </c>
      <c r="J608" s="21">
        <v>255</v>
      </c>
      <c r="K608" s="21">
        <v>16196</v>
      </c>
      <c r="L608" s="21">
        <v>0</v>
      </c>
      <c r="M608" s="21">
        <v>0</v>
      </c>
      <c r="N608" s="21">
        <v>178</v>
      </c>
      <c r="O608" s="21">
        <v>11129</v>
      </c>
      <c r="P608" s="21">
        <v>75</v>
      </c>
      <c r="Q608" s="21">
        <v>4909</v>
      </c>
      <c r="R608" s="21">
        <v>0</v>
      </c>
      <c r="S608" s="21">
        <v>0</v>
      </c>
      <c r="T608" s="21">
        <v>2</v>
      </c>
      <c r="U608" s="21">
        <v>158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163</v>
      </c>
      <c r="G609" s="16">
        <v>16533</v>
      </c>
      <c r="H609" s="16">
        <v>151</v>
      </c>
      <c r="I609" s="16">
        <v>15243</v>
      </c>
      <c r="J609" s="16">
        <v>12</v>
      </c>
      <c r="K609" s="16">
        <v>1290</v>
      </c>
      <c r="L609" s="16">
        <v>0</v>
      </c>
      <c r="M609" s="16">
        <v>0</v>
      </c>
      <c r="N609" s="16">
        <v>2</v>
      </c>
      <c r="O609" s="16">
        <v>372</v>
      </c>
      <c r="P609" s="16">
        <v>8</v>
      </c>
      <c r="Q609" s="16">
        <v>760</v>
      </c>
      <c r="R609" s="16">
        <v>0</v>
      </c>
      <c r="S609" s="16">
        <v>0</v>
      </c>
      <c r="T609" s="16">
        <v>2</v>
      </c>
      <c r="U609" s="16">
        <v>158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2</v>
      </c>
      <c r="G610" s="16">
        <v>230</v>
      </c>
      <c r="H610" s="16">
        <v>0</v>
      </c>
      <c r="I610" s="16">
        <v>0</v>
      </c>
      <c r="J610" s="16">
        <v>2</v>
      </c>
      <c r="K610" s="16">
        <v>230</v>
      </c>
      <c r="L610" s="16">
        <v>0</v>
      </c>
      <c r="M610" s="16">
        <v>0</v>
      </c>
      <c r="N610" s="16">
        <v>0</v>
      </c>
      <c r="O610" s="16">
        <v>0</v>
      </c>
      <c r="P610" s="16">
        <v>2</v>
      </c>
      <c r="Q610" s="16">
        <v>230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322</v>
      </c>
      <c r="G611" s="19">
        <v>16744</v>
      </c>
      <c r="H611" s="19">
        <v>81</v>
      </c>
      <c r="I611" s="19">
        <v>2068</v>
      </c>
      <c r="J611" s="19">
        <v>241</v>
      </c>
      <c r="K611" s="19">
        <v>14676</v>
      </c>
      <c r="L611" s="19">
        <v>0</v>
      </c>
      <c r="M611" s="19">
        <v>0</v>
      </c>
      <c r="N611" s="19">
        <v>176</v>
      </c>
      <c r="O611" s="19">
        <v>10757</v>
      </c>
      <c r="P611" s="19">
        <v>65</v>
      </c>
      <c r="Q611" s="19">
        <v>3919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80</v>
      </c>
      <c r="G612" s="21">
        <v>8363</v>
      </c>
      <c r="H612" s="21">
        <v>68</v>
      </c>
      <c r="I612" s="21">
        <v>7215</v>
      </c>
      <c r="J612" s="21">
        <v>12</v>
      </c>
      <c r="K612" s="21">
        <v>1148</v>
      </c>
      <c r="L612" s="21">
        <v>0</v>
      </c>
      <c r="M612" s="21">
        <v>0</v>
      </c>
      <c r="N612" s="21">
        <v>0</v>
      </c>
      <c r="O612" s="21">
        <v>0</v>
      </c>
      <c r="P612" s="21">
        <v>10</v>
      </c>
      <c r="Q612" s="21">
        <v>990</v>
      </c>
      <c r="R612" s="21">
        <v>0</v>
      </c>
      <c r="S612" s="21">
        <v>0</v>
      </c>
      <c r="T612" s="21">
        <v>2</v>
      </c>
      <c r="U612" s="21">
        <v>158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78</v>
      </c>
      <c r="G613" s="16">
        <v>8133</v>
      </c>
      <c r="H613" s="16">
        <v>68</v>
      </c>
      <c r="I613" s="16">
        <v>7215</v>
      </c>
      <c r="J613" s="16">
        <v>10</v>
      </c>
      <c r="K613" s="16">
        <v>918</v>
      </c>
      <c r="L613" s="16">
        <v>0</v>
      </c>
      <c r="M613" s="16">
        <v>0</v>
      </c>
      <c r="N613" s="16">
        <v>0</v>
      </c>
      <c r="O613" s="16">
        <v>0</v>
      </c>
      <c r="P613" s="16">
        <v>8</v>
      </c>
      <c r="Q613" s="16">
        <v>760</v>
      </c>
      <c r="R613" s="16">
        <v>0</v>
      </c>
      <c r="S613" s="16">
        <v>0</v>
      </c>
      <c r="T613" s="16">
        <v>2</v>
      </c>
      <c r="U613" s="16">
        <v>158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2</v>
      </c>
      <c r="G614" s="16">
        <v>230</v>
      </c>
      <c r="H614" s="16">
        <v>0</v>
      </c>
      <c r="I614" s="16">
        <v>0</v>
      </c>
      <c r="J614" s="16">
        <v>2</v>
      </c>
      <c r="K614" s="16">
        <v>230</v>
      </c>
      <c r="L614" s="16">
        <v>0</v>
      </c>
      <c r="M614" s="16">
        <v>0</v>
      </c>
      <c r="N614" s="16">
        <v>0</v>
      </c>
      <c r="O614" s="16">
        <v>0</v>
      </c>
      <c r="P614" s="16">
        <v>2</v>
      </c>
      <c r="Q614" s="16">
        <v>23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209</v>
      </c>
      <c r="G616" s="21">
        <v>8538</v>
      </c>
      <c r="H616" s="21">
        <v>84</v>
      </c>
      <c r="I616" s="21">
        <v>2365</v>
      </c>
      <c r="J616" s="21">
        <v>125</v>
      </c>
      <c r="K616" s="21">
        <v>6173</v>
      </c>
      <c r="L616" s="21">
        <v>0</v>
      </c>
      <c r="M616" s="21">
        <v>0</v>
      </c>
      <c r="N616" s="21">
        <v>60</v>
      </c>
      <c r="O616" s="21">
        <v>2254</v>
      </c>
      <c r="P616" s="21">
        <v>65</v>
      </c>
      <c r="Q616" s="21">
        <v>3919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5</v>
      </c>
      <c r="G617" s="16">
        <v>669</v>
      </c>
      <c r="H617" s="16">
        <v>3</v>
      </c>
      <c r="I617" s="16">
        <v>297</v>
      </c>
      <c r="J617" s="16">
        <v>2</v>
      </c>
      <c r="K617" s="16">
        <v>372</v>
      </c>
      <c r="L617" s="16">
        <v>0</v>
      </c>
      <c r="M617" s="16">
        <v>0</v>
      </c>
      <c r="N617" s="16">
        <v>2</v>
      </c>
      <c r="O617" s="16">
        <v>372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0</v>
      </c>
      <c r="G618" s="16">
        <v>0</v>
      </c>
      <c r="H618" s="16">
        <v>0</v>
      </c>
      <c r="I618" s="16">
        <v>0</v>
      </c>
      <c r="J618" s="16">
        <v>0</v>
      </c>
      <c r="K618" s="16">
        <v>0</v>
      </c>
      <c r="L618" s="16">
        <v>0</v>
      </c>
      <c r="M618" s="16">
        <v>0</v>
      </c>
      <c r="N618" s="16">
        <v>0</v>
      </c>
      <c r="O618" s="16">
        <v>0</v>
      </c>
      <c r="P618" s="16">
        <v>0</v>
      </c>
      <c r="Q618" s="16">
        <v>0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204</v>
      </c>
      <c r="G619" s="19">
        <v>7869</v>
      </c>
      <c r="H619" s="19">
        <v>81</v>
      </c>
      <c r="I619" s="19">
        <v>2068</v>
      </c>
      <c r="J619" s="19">
        <v>123</v>
      </c>
      <c r="K619" s="19">
        <v>5801</v>
      </c>
      <c r="L619" s="19">
        <v>0</v>
      </c>
      <c r="M619" s="19">
        <v>0</v>
      </c>
      <c r="N619" s="19">
        <v>58</v>
      </c>
      <c r="O619" s="19">
        <v>1882</v>
      </c>
      <c r="P619" s="19">
        <v>65</v>
      </c>
      <c r="Q619" s="19">
        <v>3919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98</v>
      </c>
      <c r="G624" s="21">
        <v>16606</v>
      </c>
      <c r="H624" s="21">
        <v>80</v>
      </c>
      <c r="I624" s="21">
        <v>7731</v>
      </c>
      <c r="J624" s="21">
        <v>118</v>
      </c>
      <c r="K624" s="21">
        <v>8875</v>
      </c>
      <c r="L624" s="21">
        <v>0</v>
      </c>
      <c r="M624" s="21">
        <v>0</v>
      </c>
      <c r="N624" s="21">
        <v>118</v>
      </c>
      <c r="O624" s="21">
        <v>8875</v>
      </c>
      <c r="P624" s="21">
        <v>0</v>
      </c>
      <c r="Q624" s="21">
        <v>0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80</v>
      </c>
      <c r="G625" s="16">
        <v>7731</v>
      </c>
      <c r="H625" s="16">
        <v>80</v>
      </c>
      <c r="I625" s="16">
        <v>7731</v>
      </c>
      <c r="J625" s="16">
        <v>0</v>
      </c>
      <c r="K625" s="16">
        <v>0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118</v>
      </c>
      <c r="G627" s="19">
        <v>8875</v>
      </c>
      <c r="H627" s="19">
        <v>0</v>
      </c>
      <c r="I627" s="19">
        <v>0</v>
      </c>
      <c r="J627" s="19">
        <v>118</v>
      </c>
      <c r="K627" s="19">
        <v>8875</v>
      </c>
      <c r="L627" s="19">
        <v>0</v>
      </c>
      <c r="M627" s="19">
        <v>0</v>
      </c>
      <c r="N627" s="19">
        <v>118</v>
      </c>
      <c r="O627" s="19">
        <v>8875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59</v>
      </c>
      <c r="G628" s="21">
        <v>5026</v>
      </c>
      <c r="H628" s="21">
        <v>35</v>
      </c>
      <c r="I628" s="21">
        <v>3626</v>
      </c>
      <c r="J628" s="21">
        <v>24</v>
      </c>
      <c r="K628" s="21">
        <v>1400</v>
      </c>
      <c r="L628" s="21">
        <v>0</v>
      </c>
      <c r="M628" s="21">
        <v>0</v>
      </c>
      <c r="N628" s="21">
        <v>0</v>
      </c>
      <c r="O628" s="21">
        <v>0</v>
      </c>
      <c r="P628" s="21">
        <v>24</v>
      </c>
      <c r="Q628" s="21">
        <v>1400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38</v>
      </c>
      <c r="G629" s="16">
        <v>3897</v>
      </c>
      <c r="H629" s="16">
        <v>35</v>
      </c>
      <c r="I629" s="16">
        <v>3626</v>
      </c>
      <c r="J629" s="16">
        <v>3</v>
      </c>
      <c r="K629" s="16">
        <v>271</v>
      </c>
      <c r="L629" s="16">
        <v>0</v>
      </c>
      <c r="M629" s="16">
        <v>0</v>
      </c>
      <c r="N629" s="16">
        <v>0</v>
      </c>
      <c r="O629" s="16">
        <v>0</v>
      </c>
      <c r="P629" s="16">
        <v>3</v>
      </c>
      <c r="Q629" s="16">
        <v>271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0</v>
      </c>
      <c r="G630" s="16">
        <v>0</v>
      </c>
      <c r="H630" s="16">
        <v>0</v>
      </c>
      <c r="I630" s="16">
        <v>0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21</v>
      </c>
      <c r="G631" s="19">
        <v>1129</v>
      </c>
      <c r="H631" s="19">
        <v>0</v>
      </c>
      <c r="I631" s="19">
        <v>0</v>
      </c>
      <c r="J631" s="19">
        <v>21</v>
      </c>
      <c r="K631" s="19">
        <v>1129</v>
      </c>
      <c r="L631" s="19">
        <v>0</v>
      </c>
      <c r="M631" s="19">
        <v>0</v>
      </c>
      <c r="N631" s="19">
        <v>0</v>
      </c>
      <c r="O631" s="19">
        <v>0</v>
      </c>
      <c r="P631" s="19">
        <v>21</v>
      </c>
      <c r="Q631" s="19">
        <v>1129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19</v>
      </c>
      <c r="G632" s="21">
        <v>2002</v>
      </c>
      <c r="H632" s="21">
        <v>16</v>
      </c>
      <c r="I632" s="21">
        <v>1731</v>
      </c>
      <c r="J632" s="21">
        <v>3</v>
      </c>
      <c r="K632" s="21">
        <v>271</v>
      </c>
      <c r="L632" s="21">
        <v>0</v>
      </c>
      <c r="M632" s="21">
        <v>0</v>
      </c>
      <c r="N632" s="21">
        <v>0</v>
      </c>
      <c r="O632" s="21">
        <v>0</v>
      </c>
      <c r="P632" s="21">
        <v>3</v>
      </c>
      <c r="Q632" s="21">
        <v>271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19</v>
      </c>
      <c r="G633" s="16">
        <v>2002</v>
      </c>
      <c r="H633" s="16">
        <v>16</v>
      </c>
      <c r="I633" s="16">
        <v>1731</v>
      </c>
      <c r="J633" s="16">
        <v>3</v>
      </c>
      <c r="K633" s="16">
        <v>271</v>
      </c>
      <c r="L633" s="16">
        <v>0</v>
      </c>
      <c r="M633" s="16">
        <v>0</v>
      </c>
      <c r="N633" s="16">
        <v>0</v>
      </c>
      <c r="O633" s="16">
        <v>0</v>
      </c>
      <c r="P633" s="16">
        <v>3</v>
      </c>
      <c r="Q633" s="16">
        <v>271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21</v>
      </c>
      <c r="G636" s="21">
        <v>1129</v>
      </c>
      <c r="H636" s="21">
        <v>0</v>
      </c>
      <c r="I636" s="21">
        <v>0</v>
      </c>
      <c r="J636" s="21">
        <v>21</v>
      </c>
      <c r="K636" s="21">
        <v>1129</v>
      </c>
      <c r="L636" s="21">
        <v>0</v>
      </c>
      <c r="M636" s="21">
        <v>0</v>
      </c>
      <c r="N636" s="21">
        <v>0</v>
      </c>
      <c r="O636" s="21">
        <v>0</v>
      </c>
      <c r="P636" s="21">
        <v>21</v>
      </c>
      <c r="Q636" s="21">
        <v>1129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0</v>
      </c>
      <c r="G638" s="16">
        <v>0</v>
      </c>
      <c r="H638" s="16">
        <v>0</v>
      </c>
      <c r="I638" s="16">
        <v>0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21</v>
      </c>
      <c r="G639" s="19">
        <v>1129</v>
      </c>
      <c r="H639" s="19">
        <v>0</v>
      </c>
      <c r="I639" s="19">
        <v>0</v>
      </c>
      <c r="J639" s="19">
        <v>21</v>
      </c>
      <c r="K639" s="19">
        <v>1129</v>
      </c>
      <c r="L639" s="19">
        <v>0</v>
      </c>
      <c r="M639" s="19">
        <v>0</v>
      </c>
      <c r="N639" s="19">
        <v>0</v>
      </c>
      <c r="O639" s="19">
        <v>0</v>
      </c>
      <c r="P639" s="19">
        <v>21</v>
      </c>
      <c r="Q639" s="19">
        <v>1129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19</v>
      </c>
      <c r="G644" s="21">
        <v>1895</v>
      </c>
      <c r="H644" s="21">
        <v>19</v>
      </c>
      <c r="I644" s="21">
        <v>1895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19</v>
      </c>
      <c r="G645" s="16">
        <v>1895</v>
      </c>
      <c r="H645" s="16">
        <v>19</v>
      </c>
      <c r="I645" s="16">
        <v>1895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290</v>
      </c>
      <c r="G648" s="21">
        <v>20103</v>
      </c>
      <c r="H648" s="21">
        <v>124</v>
      </c>
      <c r="I648" s="21">
        <v>8400</v>
      </c>
      <c r="J648" s="21">
        <v>166</v>
      </c>
      <c r="K648" s="21">
        <v>11703</v>
      </c>
      <c r="L648" s="21">
        <v>0</v>
      </c>
      <c r="M648" s="21">
        <v>0</v>
      </c>
      <c r="N648" s="21">
        <v>138</v>
      </c>
      <c r="O648" s="21">
        <v>9798</v>
      </c>
      <c r="P648" s="21">
        <v>27</v>
      </c>
      <c r="Q648" s="21">
        <v>1841</v>
      </c>
      <c r="R648" s="21">
        <v>0</v>
      </c>
      <c r="S648" s="21">
        <v>0</v>
      </c>
      <c r="T648" s="21">
        <v>1</v>
      </c>
      <c r="U648" s="21">
        <v>64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74</v>
      </c>
      <c r="G649" s="16">
        <v>7533</v>
      </c>
      <c r="H649" s="16">
        <v>69</v>
      </c>
      <c r="I649" s="16">
        <v>6899</v>
      </c>
      <c r="J649" s="16">
        <v>5</v>
      </c>
      <c r="K649" s="16">
        <v>634</v>
      </c>
      <c r="L649" s="16">
        <v>0</v>
      </c>
      <c r="M649" s="16">
        <v>0</v>
      </c>
      <c r="N649" s="16">
        <v>2</v>
      </c>
      <c r="O649" s="16">
        <v>372</v>
      </c>
      <c r="P649" s="16">
        <v>2</v>
      </c>
      <c r="Q649" s="16">
        <v>198</v>
      </c>
      <c r="R649" s="16">
        <v>0</v>
      </c>
      <c r="S649" s="16">
        <v>0</v>
      </c>
      <c r="T649" s="16">
        <v>1</v>
      </c>
      <c r="U649" s="16">
        <v>64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0</v>
      </c>
      <c r="G650" s="16">
        <v>0</v>
      </c>
      <c r="H650" s="16">
        <v>0</v>
      </c>
      <c r="I650" s="16">
        <v>0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216</v>
      </c>
      <c r="G651" s="19">
        <v>12570</v>
      </c>
      <c r="H651" s="19">
        <v>55</v>
      </c>
      <c r="I651" s="19">
        <v>1501</v>
      </c>
      <c r="J651" s="19">
        <v>161</v>
      </c>
      <c r="K651" s="19">
        <v>11069</v>
      </c>
      <c r="L651" s="19">
        <v>0</v>
      </c>
      <c r="M651" s="19">
        <v>0</v>
      </c>
      <c r="N651" s="19">
        <v>136</v>
      </c>
      <c r="O651" s="19">
        <v>9426</v>
      </c>
      <c r="P651" s="19">
        <v>25</v>
      </c>
      <c r="Q651" s="19">
        <v>1643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24</v>
      </c>
      <c r="G652" s="21">
        <v>2615</v>
      </c>
      <c r="H652" s="21">
        <v>21</v>
      </c>
      <c r="I652" s="21">
        <v>2353</v>
      </c>
      <c r="J652" s="21">
        <v>3</v>
      </c>
      <c r="K652" s="21">
        <v>262</v>
      </c>
      <c r="L652" s="21">
        <v>0</v>
      </c>
      <c r="M652" s="21">
        <v>0</v>
      </c>
      <c r="N652" s="21">
        <v>0</v>
      </c>
      <c r="O652" s="21">
        <v>0</v>
      </c>
      <c r="P652" s="21">
        <v>2</v>
      </c>
      <c r="Q652" s="21">
        <v>198</v>
      </c>
      <c r="R652" s="21">
        <v>0</v>
      </c>
      <c r="S652" s="21">
        <v>0</v>
      </c>
      <c r="T652" s="21">
        <v>1</v>
      </c>
      <c r="U652" s="21">
        <v>64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24</v>
      </c>
      <c r="G653" s="16">
        <v>2615</v>
      </c>
      <c r="H653" s="16">
        <v>21</v>
      </c>
      <c r="I653" s="16">
        <v>2353</v>
      </c>
      <c r="J653" s="16">
        <v>3</v>
      </c>
      <c r="K653" s="16">
        <v>262</v>
      </c>
      <c r="L653" s="16">
        <v>0</v>
      </c>
      <c r="M653" s="16">
        <v>0</v>
      </c>
      <c r="N653" s="16">
        <v>0</v>
      </c>
      <c r="O653" s="16">
        <v>0</v>
      </c>
      <c r="P653" s="16">
        <v>2</v>
      </c>
      <c r="Q653" s="16">
        <v>198</v>
      </c>
      <c r="R653" s="16">
        <v>0</v>
      </c>
      <c r="S653" s="16">
        <v>0</v>
      </c>
      <c r="T653" s="16">
        <v>1</v>
      </c>
      <c r="U653" s="16">
        <v>64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100</v>
      </c>
      <c r="G656" s="21">
        <v>4067</v>
      </c>
      <c r="H656" s="21">
        <v>55</v>
      </c>
      <c r="I656" s="21">
        <v>1501</v>
      </c>
      <c r="J656" s="21">
        <v>45</v>
      </c>
      <c r="K656" s="21">
        <v>2566</v>
      </c>
      <c r="L656" s="21">
        <v>0</v>
      </c>
      <c r="M656" s="21">
        <v>0</v>
      </c>
      <c r="N656" s="21">
        <v>20</v>
      </c>
      <c r="O656" s="21">
        <v>923</v>
      </c>
      <c r="P656" s="21">
        <v>25</v>
      </c>
      <c r="Q656" s="21">
        <v>1643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2</v>
      </c>
      <c r="G657" s="16">
        <v>372</v>
      </c>
      <c r="H657" s="16">
        <v>0</v>
      </c>
      <c r="I657" s="16">
        <v>0</v>
      </c>
      <c r="J657" s="16">
        <v>2</v>
      </c>
      <c r="K657" s="16">
        <v>372</v>
      </c>
      <c r="L657" s="16">
        <v>0</v>
      </c>
      <c r="M657" s="16">
        <v>0</v>
      </c>
      <c r="N657" s="16">
        <v>2</v>
      </c>
      <c r="O657" s="16">
        <v>372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0</v>
      </c>
      <c r="G658" s="16">
        <v>0</v>
      </c>
      <c r="H658" s="16">
        <v>0</v>
      </c>
      <c r="I658" s="16">
        <v>0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98</v>
      </c>
      <c r="G659" s="19">
        <v>3695</v>
      </c>
      <c r="H659" s="19">
        <v>55</v>
      </c>
      <c r="I659" s="19">
        <v>1501</v>
      </c>
      <c r="J659" s="19">
        <v>43</v>
      </c>
      <c r="K659" s="19">
        <v>2194</v>
      </c>
      <c r="L659" s="19">
        <v>0</v>
      </c>
      <c r="M659" s="19">
        <v>0</v>
      </c>
      <c r="N659" s="19">
        <v>18</v>
      </c>
      <c r="O659" s="19">
        <v>551</v>
      </c>
      <c r="P659" s="19">
        <v>25</v>
      </c>
      <c r="Q659" s="19">
        <v>1643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166</v>
      </c>
      <c r="G664" s="21">
        <v>13421</v>
      </c>
      <c r="H664" s="21">
        <v>48</v>
      </c>
      <c r="I664" s="21">
        <v>4546</v>
      </c>
      <c r="J664" s="21">
        <v>118</v>
      </c>
      <c r="K664" s="21">
        <v>8875</v>
      </c>
      <c r="L664" s="21">
        <v>0</v>
      </c>
      <c r="M664" s="21">
        <v>0</v>
      </c>
      <c r="N664" s="21">
        <v>118</v>
      </c>
      <c r="O664" s="21">
        <v>8875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48</v>
      </c>
      <c r="G665" s="16">
        <v>4546</v>
      </c>
      <c r="H665" s="16">
        <v>48</v>
      </c>
      <c r="I665" s="16">
        <v>4546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118</v>
      </c>
      <c r="G667" s="19">
        <v>8875</v>
      </c>
      <c r="H667" s="19">
        <v>0</v>
      </c>
      <c r="I667" s="19">
        <v>0</v>
      </c>
      <c r="J667" s="19">
        <v>118</v>
      </c>
      <c r="K667" s="19">
        <v>8875</v>
      </c>
      <c r="L667" s="19">
        <v>0</v>
      </c>
      <c r="M667" s="19">
        <v>0</v>
      </c>
      <c r="N667" s="19">
        <v>118</v>
      </c>
      <c r="O667" s="19">
        <v>8875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38</v>
      </c>
      <c r="G668" s="21">
        <v>8378</v>
      </c>
      <c r="H668" s="21">
        <v>73</v>
      </c>
      <c r="I668" s="21">
        <v>5285</v>
      </c>
      <c r="J668" s="21">
        <v>65</v>
      </c>
      <c r="K668" s="21">
        <v>3093</v>
      </c>
      <c r="L668" s="21">
        <v>0</v>
      </c>
      <c r="M668" s="21">
        <v>0</v>
      </c>
      <c r="N668" s="21">
        <v>40</v>
      </c>
      <c r="O668" s="21">
        <v>1331</v>
      </c>
      <c r="P668" s="21">
        <v>24</v>
      </c>
      <c r="Q668" s="21">
        <v>1668</v>
      </c>
      <c r="R668" s="21">
        <v>0</v>
      </c>
      <c r="S668" s="21">
        <v>0</v>
      </c>
      <c r="T668" s="21">
        <v>1</v>
      </c>
      <c r="U668" s="21">
        <v>94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51</v>
      </c>
      <c r="G669" s="16">
        <v>5103</v>
      </c>
      <c r="H669" s="16">
        <v>47</v>
      </c>
      <c r="I669" s="16">
        <v>4718</v>
      </c>
      <c r="J669" s="16">
        <v>4</v>
      </c>
      <c r="K669" s="16">
        <v>385</v>
      </c>
      <c r="L669" s="16">
        <v>0</v>
      </c>
      <c r="M669" s="16">
        <v>0</v>
      </c>
      <c r="N669" s="16">
        <v>0</v>
      </c>
      <c r="O669" s="16">
        <v>0</v>
      </c>
      <c r="P669" s="16">
        <v>3</v>
      </c>
      <c r="Q669" s="16">
        <v>291</v>
      </c>
      <c r="R669" s="16">
        <v>0</v>
      </c>
      <c r="S669" s="16">
        <v>0</v>
      </c>
      <c r="T669" s="16">
        <v>1</v>
      </c>
      <c r="U669" s="16">
        <v>94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2</v>
      </c>
      <c r="G670" s="16">
        <v>230</v>
      </c>
      <c r="H670" s="16">
        <v>0</v>
      </c>
      <c r="I670" s="16">
        <v>0</v>
      </c>
      <c r="J670" s="16">
        <v>2</v>
      </c>
      <c r="K670" s="16">
        <v>230</v>
      </c>
      <c r="L670" s="16">
        <v>0</v>
      </c>
      <c r="M670" s="16">
        <v>0</v>
      </c>
      <c r="N670" s="16">
        <v>0</v>
      </c>
      <c r="O670" s="16">
        <v>0</v>
      </c>
      <c r="P670" s="16">
        <v>2</v>
      </c>
      <c r="Q670" s="16">
        <v>230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85</v>
      </c>
      <c r="G671" s="19">
        <v>3045</v>
      </c>
      <c r="H671" s="19">
        <v>26</v>
      </c>
      <c r="I671" s="19">
        <v>567</v>
      </c>
      <c r="J671" s="19">
        <v>59</v>
      </c>
      <c r="K671" s="19">
        <v>2478</v>
      </c>
      <c r="L671" s="19">
        <v>0</v>
      </c>
      <c r="M671" s="19">
        <v>0</v>
      </c>
      <c r="N671" s="19">
        <v>40</v>
      </c>
      <c r="O671" s="19">
        <v>1331</v>
      </c>
      <c r="P671" s="19">
        <v>19</v>
      </c>
      <c r="Q671" s="19">
        <v>1147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37</v>
      </c>
      <c r="G672" s="21">
        <v>3746</v>
      </c>
      <c r="H672" s="21">
        <v>31</v>
      </c>
      <c r="I672" s="21">
        <v>3131</v>
      </c>
      <c r="J672" s="21">
        <v>6</v>
      </c>
      <c r="K672" s="21">
        <v>615</v>
      </c>
      <c r="L672" s="21">
        <v>0</v>
      </c>
      <c r="M672" s="21">
        <v>0</v>
      </c>
      <c r="N672" s="21">
        <v>0</v>
      </c>
      <c r="O672" s="21">
        <v>0</v>
      </c>
      <c r="P672" s="21">
        <v>5</v>
      </c>
      <c r="Q672" s="21">
        <v>521</v>
      </c>
      <c r="R672" s="21">
        <v>0</v>
      </c>
      <c r="S672" s="21">
        <v>0</v>
      </c>
      <c r="T672" s="21">
        <v>1</v>
      </c>
      <c r="U672" s="21">
        <v>94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35</v>
      </c>
      <c r="G673" s="16">
        <v>3516</v>
      </c>
      <c r="H673" s="16">
        <v>31</v>
      </c>
      <c r="I673" s="16">
        <v>3131</v>
      </c>
      <c r="J673" s="16">
        <v>4</v>
      </c>
      <c r="K673" s="16">
        <v>385</v>
      </c>
      <c r="L673" s="16">
        <v>0</v>
      </c>
      <c r="M673" s="16">
        <v>0</v>
      </c>
      <c r="N673" s="16">
        <v>0</v>
      </c>
      <c r="O673" s="16">
        <v>0</v>
      </c>
      <c r="P673" s="16">
        <v>3</v>
      </c>
      <c r="Q673" s="16">
        <v>291</v>
      </c>
      <c r="R673" s="16">
        <v>0</v>
      </c>
      <c r="S673" s="16">
        <v>0</v>
      </c>
      <c r="T673" s="16">
        <v>1</v>
      </c>
      <c r="U673" s="16">
        <v>94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2</v>
      </c>
      <c r="G674" s="16">
        <v>230</v>
      </c>
      <c r="H674" s="16">
        <v>0</v>
      </c>
      <c r="I674" s="16">
        <v>0</v>
      </c>
      <c r="J674" s="16">
        <v>2</v>
      </c>
      <c r="K674" s="16">
        <v>230</v>
      </c>
      <c r="L674" s="16">
        <v>0</v>
      </c>
      <c r="M674" s="16">
        <v>0</v>
      </c>
      <c r="N674" s="16">
        <v>0</v>
      </c>
      <c r="O674" s="16">
        <v>0</v>
      </c>
      <c r="P674" s="16">
        <v>2</v>
      </c>
      <c r="Q674" s="16">
        <v>23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88</v>
      </c>
      <c r="G676" s="21">
        <v>3342</v>
      </c>
      <c r="H676" s="21">
        <v>29</v>
      </c>
      <c r="I676" s="21">
        <v>864</v>
      </c>
      <c r="J676" s="21">
        <v>59</v>
      </c>
      <c r="K676" s="21">
        <v>2478</v>
      </c>
      <c r="L676" s="21">
        <v>0</v>
      </c>
      <c r="M676" s="21">
        <v>0</v>
      </c>
      <c r="N676" s="21">
        <v>40</v>
      </c>
      <c r="O676" s="21">
        <v>1331</v>
      </c>
      <c r="P676" s="21">
        <v>19</v>
      </c>
      <c r="Q676" s="21">
        <v>1147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3</v>
      </c>
      <c r="G677" s="16">
        <v>297</v>
      </c>
      <c r="H677" s="16">
        <v>3</v>
      </c>
      <c r="I677" s="16">
        <v>297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0</v>
      </c>
      <c r="G678" s="16">
        <v>0</v>
      </c>
      <c r="H678" s="16">
        <v>0</v>
      </c>
      <c r="I678" s="16">
        <v>0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85</v>
      </c>
      <c r="G679" s="19">
        <v>3045</v>
      </c>
      <c r="H679" s="19">
        <v>26</v>
      </c>
      <c r="I679" s="19">
        <v>567</v>
      </c>
      <c r="J679" s="19">
        <v>59</v>
      </c>
      <c r="K679" s="19">
        <v>2478</v>
      </c>
      <c r="L679" s="19">
        <v>0</v>
      </c>
      <c r="M679" s="19">
        <v>0</v>
      </c>
      <c r="N679" s="19">
        <v>40</v>
      </c>
      <c r="O679" s="19">
        <v>1331</v>
      </c>
      <c r="P679" s="19">
        <v>19</v>
      </c>
      <c r="Q679" s="19">
        <v>1147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13</v>
      </c>
      <c r="G684" s="21">
        <v>1290</v>
      </c>
      <c r="H684" s="21">
        <v>13</v>
      </c>
      <c r="I684" s="21">
        <v>1290</v>
      </c>
      <c r="J684" s="21">
        <v>0</v>
      </c>
      <c r="K684" s="21">
        <v>0</v>
      </c>
      <c r="L684" s="21">
        <v>0</v>
      </c>
      <c r="M684" s="21">
        <v>0</v>
      </c>
      <c r="N684" s="21">
        <v>0</v>
      </c>
      <c r="O684" s="21">
        <v>0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13</v>
      </c>
      <c r="G685" s="16">
        <v>1290</v>
      </c>
      <c r="H685" s="16">
        <v>13</v>
      </c>
      <c r="I685" s="16">
        <v>1290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741</v>
      </c>
      <c r="G688" s="21">
        <v>135632</v>
      </c>
      <c r="H688" s="21">
        <v>832</v>
      </c>
      <c r="I688" s="21">
        <v>72937</v>
      </c>
      <c r="J688" s="21">
        <v>909</v>
      </c>
      <c r="K688" s="21">
        <v>62695</v>
      </c>
      <c r="L688" s="21">
        <v>60</v>
      </c>
      <c r="M688" s="21">
        <v>3916</v>
      </c>
      <c r="N688" s="21">
        <v>600</v>
      </c>
      <c r="O688" s="21">
        <v>42880</v>
      </c>
      <c r="P688" s="21">
        <v>248</v>
      </c>
      <c r="Q688" s="21">
        <v>15798</v>
      </c>
      <c r="R688" s="21">
        <v>0</v>
      </c>
      <c r="S688" s="21">
        <v>0</v>
      </c>
      <c r="T688" s="21">
        <v>1</v>
      </c>
      <c r="U688" s="21">
        <v>101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666</v>
      </c>
      <c r="G689" s="16">
        <v>72147</v>
      </c>
      <c r="H689" s="16">
        <v>612</v>
      </c>
      <c r="I689" s="16">
        <v>64846</v>
      </c>
      <c r="J689" s="16">
        <v>54</v>
      </c>
      <c r="K689" s="16">
        <v>7301</v>
      </c>
      <c r="L689" s="16">
        <v>0</v>
      </c>
      <c r="M689" s="16">
        <v>0</v>
      </c>
      <c r="N689" s="16">
        <v>3</v>
      </c>
      <c r="O689" s="16">
        <v>555</v>
      </c>
      <c r="P689" s="16">
        <v>50</v>
      </c>
      <c r="Q689" s="16">
        <v>6645</v>
      </c>
      <c r="R689" s="16">
        <v>0</v>
      </c>
      <c r="S689" s="16">
        <v>0</v>
      </c>
      <c r="T689" s="16">
        <v>1</v>
      </c>
      <c r="U689" s="16">
        <v>101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28</v>
      </c>
      <c r="G690" s="16">
        <v>1433</v>
      </c>
      <c r="H690" s="16">
        <v>18</v>
      </c>
      <c r="I690" s="16">
        <v>915</v>
      </c>
      <c r="J690" s="16">
        <v>10</v>
      </c>
      <c r="K690" s="16">
        <v>518</v>
      </c>
      <c r="L690" s="16">
        <v>0</v>
      </c>
      <c r="M690" s="16">
        <v>0</v>
      </c>
      <c r="N690" s="16">
        <v>0</v>
      </c>
      <c r="O690" s="16">
        <v>0</v>
      </c>
      <c r="P690" s="16">
        <v>10</v>
      </c>
      <c r="Q690" s="16">
        <v>518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1047</v>
      </c>
      <c r="G691" s="19">
        <v>62052</v>
      </c>
      <c r="H691" s="19">
        <v>202</v>
      </c>
      <c r="I691" s="19">
        <v>7176</v>
      </c>
      <c r="J691" s="19">
        <v>845</v>
      </c>
      <c r="K691" s="19">
        <v>54876</v>
      </c>
      <c r="L691" s="19">
        <v>60</v>
      </c>
      <c r="M691" s="19">
        <v>3916</v>
      </c>
      <c r="N691" s="19">
        <v>597</v>
      </c>
      <c r="O691" s="19">
        <v>42325</v>
      </c>
      <c r="P691" s="19">
        <v>188</v>
      </c>
      <c r="Q691" s="19">
        <v>8635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387</v>
      </c>
      <c r="G692" s="21">
        <v>44026</v>
      </c>
      <c r="H692" s="21">
        <v>338</v>
      </c>
      <c r="I692" s="21">
        <v>37228</v>
      </c>
      <c r="J692" s="21">
        <v>49</v>
      </c>
      <c r="K692" s="21">
        <v>6798</v>
      </c>
      <c r="L692" s="21">
        <v>0</v>
      </c>
      <c r="M692" s="21">
        <v>0</v>
      </c>
      <c r="N692" s="21">
        <v>3</v>
      </c>
      <c r="O692" s="21">
        <v>555</v>
      </c>
      <c r="P692" s="21">
        <v>46</v>
      </c>
      <c r="Q692" s="21">
        <v>6243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383</v>
      </c>
      <c r="G693" s="16">
        <v>43692</v>
      </c>
      <c r="H693" s="16">
        <v>334</v>
      </c>
      <c r="I693" s="16">
        <v>36894</v>
      </c>
      <c r="J693" s="16">
        <v>49</v>
      </c>
      <c r="K693" s="16">
        <v>6798</v>
      </c>
      <c r="L693" s="16">
        <v>0</v>
      </c>
      <c r="M693" s="16">
        <v>0</v>
      </c>
      <c r="N693" s="16">
        <v>3</v>
      </c>
      <c r="O693" s="16">
        <v>555</v>
      </c>
      <c r="P693" s="16">
        <v>46</v>
      </c>
      <c r="Q693" s="16">
        <v>6243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4</v>
      </c>
      <c r="G694" s="16">
        <v>334</v>
      </c>
      <c r="H694" s="16">
        <v>4</v>
      </c>
      <c r="I694" s="16">
        <v>334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0</v>
      </c>
      <c r="G695" s="19">
        <v>0</v>
      </c>
      <c r="H695" s="19">
        <v>0</v>
      </c>
      <c r="I695" s="19">
        <v>0</v>
      </c>
      <c r="J695" s="19">
        <v>0</v>
      </c>
      <c r="K695" s="19">
        <v>0</v>
      </c>
      <c r="L695" s="19">
        <v>0</v>
      </c>
      <c r="M695" s="19">
        <v>0</v>
      </c>
      <c r="N695" s="19">
        <v>0</v>
      </c>
      <c r="O695" s="19">
        <v>0</v>
      </c>
      <c r="P695" s="19">
        <v>0</v>
      </c>
      <c r="Q695" s="19">
        <v>0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870</v>
      </c>
      <c r="G696" s="21">
        <v>45243</v>
      </c>
      <c r="H696" s="21">
        <v>218</v>
      </c>
      <c r="I696" s="21">
        <v>7926</v>
      </c>
      <c r="J696" s="21">
        <v>652</v>
      </c>
      <c r="K696" s="21">
        <v>37317</v>
      </c>
      <c r="L696" s="21">
        <v>60</v>
      </c>
      <c r="M696" s="21">
        <v>3916</v>
      </c>
      <c r="N696" s="21">
        <v>393</v>
      </c>
      <c r="O696" s="21">
        <v>24183</v>
      </c>
      <c r="P696" s="21">
        <v>199</v>
      </c>
      <c r="Q696" s="21">
        <v>9218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3</v>
      </c>
      <c r="G697" s="16">
        <v>234</v>
      </c>
      <c r="H697" s="16">
        <v>2</v>
      </c>
      <c r="I697" s="16">
        <v>169</v>
      </c>
      <c r="J697" s="16">
        <v>1</v>
      </c>
      <c r="K697" s="16">
        <v>65</v>
      </c>
      <c r="L697" s="16">
        <v>0</v>
      </c>
      <c r="M697" s="16">
        <v>0</v>
      </c>
      <c r="N697" s="16">
        <v>0</v>
      </c>
      <c r="O697" s="16">
        <v>0</v>
      </c>
      <c r="P697" s="16">
        <v>1</v>
      </c>
      <c r="Q697" s="16">
        <v>65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24</v>
      </c>
      <c r="G698" s="16">
        <v>1099</v>
      </c>
      <c r="H698" s="16">
        <v>14</v>
      </c>
      <c r="I698" s="16">
        <v>581</v>
      </c>
      <c r="J698" s="16">
        <v>10</v>
      </c>
      <c r="K698" s="16">
        <v>518</v>
      </c>
      <c r="L698" s="16">
        <v>0</v>
      </c>
      <c r="M698" s="16">
        <v>0</v>
      </c>
      <c r="N698" s="16">
        <v>0</v>
      </c>
      <c r="O698" s="16">
        <v>0</v>
      </c>
      <c r="P698" s="16">
        <v>10</v>
      </c>
      <c r="Q698" s="16">
        <v>518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843</v>
      </c>
      <c r="G699" s="19">
        <v>43910</v>
      </c>
      <c r="H699" s="19">
        <v>202</v>
      </c>
      <c r="I699" s="19">
        <v>7176</v>
      </c>
      <c r="J699" s="19">
        <v>641</v>
      </c>
      <c r="K699" s="19">
        <v>36734</v>
      </c>
      <c r="L699" s="19">
        <v>60</v>
      </c>
      <c r="M699" s="19">
        <v>3916</v>
      </c>
      <c r="N699" s="19">
        <v>393</v>
      </c>
      <c r="O699" s="19">
        <v>24183</v>
      </c>
      <c r="P699" s="19">
        <v>188</v>
      </c>
      <c r="Q699" s="19">
        <v>8635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484</v>
      </c>
      <c r="G704" s="21">
        <v>46363</v>
      </c>
      <c r="H704" s="21">
        <v>276</v>
      </c>
      <c r="I704" s="21">
        <v>27783</v>
      </c>
      <c r="J704" s="21">
        <v>208</v>
      </c>
      <c r="K704" s="21">
        <v>18580</v>
      </c>
      <c r="L704" s="21">
        <v>0</v>
      </c>
      <c r="M704" s="21">
        <v>0</v>
      </c>
      <c r="N704" s="21">
        <v>204</v>
      </c>
      <c r="O704" s="21">
        <v>18142</v>
      </c>
      <c r="P704" s="21">
        <v>3</v>
      </c>
      <c r="Q704" s="21">
        <v>337</v>
      </c>
      <c r="R704" s="21">
        <v>0</v>
      </c>
      <c r="S704" s="21">
        <v>0</v>
      </c>
      <c r="T704" s="21">
        <v>1</v>
      </c>
      <c r="U704" s="21">
        <v>101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280</v>
      </c>
      <c r="G705" s="16">
        <v>28221</v>
      </c>
      <c r="H705" s="16">
        <v>276</v>
      </c>
      <c r="I705" s="16">
        <v>27783</v>
      </c>
      <c r="J705" s="16">
        <v>4</v>
      </c>
      <c r="K705" s="16">
        <v>438</v>
      </c>
      <c r="L705" s="16">
        <v>0</v>
      </c>
      <c r="M705" s="16">
        <v>0</v>
      </c>
      <c r="N705" s="16">
        <v>0</v>
      </c>
      <c r="O705" s="16">
        <v>0</v>
      </c>
      <c r="P705" s="16">
        <v>3</v>
      </c>
      <c r="Q705" s="16">
        <v>337</v>
      </c>
      <c r="R705" s="16">
        <v>0</v>
      </c>
      <c r="S705" s="16">
        <v>0</v>
      </c>
      <c r="T705" s="16">
        <v>1</v>
      </c>
      <c r="U705" s="16">
        <v>101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204</v>
      </c>
      <c r="G707" s="19">
        <v>18142</v>
      </c>
      <c r="H707" s="19">
        <v>0</v>
      </c>
      <c r="I707" s="19">
        <v>0</v>
      </c>
      <c r="J707" s="19">
        <v>204</v>
      </c>
      <c r="K707" s="19">
        <v>18142</v>
      </c>
      <c r="L707" s="19">
        <v>0</v>
      </c>
      <c r="M707" s="19">
        <v>0</v>
      </c>
      <c r="N707" s="19">
        <v>204</v>
      </c>
      <c r="O707" s="19">
        <v>18142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58</v>
      </c>
      <c r="G708" s="21">
        <v>11857</v>
      </c>
      <c r="H708" s="21">
        <v>151</v>
      </c>
      <c r="I708" s="21">
        <v>10901</v>
      </c>
      <c r="J708" s="21">
        <v>7</v>
      </c>
      <c r="K708" s="21">
        <v>956</v>
      </c>
      <c r="L708" s="21">
        <v>0</v>
      </c>
      <c r="M708" s="21">
        <v>0</v>
      </c>
      <c r="N708" s="21">
        <v>2</v>
      </c>
      <c r="O708" s="21">
        <v>420</v>
      </c>
      <c r="P708" s="21">
        <v>5</v>
      </c>
      <c r="Q708" s="21">
        <v>536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93</v>
      </c>
      <c r="G709" s="16">
        <v>10308</v>
      </c>
      <c r="H709" s="16">
        <v>86</v>
      </c>
      <c r="I709" s="16">
        <v>9352</v>
      </c>
      <c r="J709" s="16">
        <v>7</v>
      </c>
      <c r="K709" s="16">
        <v>956</v>
      </c>
      <c r="L709" s="16">
        <v>0</v>
      </c>
      <c r="M709" s="16">
        <v>0</v>
      </c>
      <c r="N709" s="16">
        <v>2</v>
      </c>
      <c r="O709" s="16">
        <v>420</v>
      </c>
      <c r="P709" s="16">
        <v>5</v>
      </c>
      <c r="Q709" s="16">
        <v>536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0</v>
      </c>
      <c r="G710" s="16">
        <v>0</v>
      </c>
      <c r="H710" s="16">
        <v>0</v>
      </c>
      <c r="I710" s="16">
        <v>0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65</v>
      </c>
      <c r="G711" s="19">
        <v>1549</v>
      </c>
      <c r="H711" s="19">
        <v>65</v>
      </c>
      <c r="I711" s="19">
        <v>1549</v>
      </c>
      <c r="J711" s="19">
        <v>0</v>
      </c>
      <c r="K711" s="19">
        <v>0</v>
      </c>
      <c r="L711" s="19">
        <v>0</v>
      </c>
      <c r="M711" s="19">
        <v>0</v>
      </c>
      <c r="N711" s="19">
        <v>0</v>
      </c>
      <c r="O711" s="19">
        <v>0</v>
      </c>
      <c r="P711" s="19">
        <v>0</v>
      </c>
      <c r="Q711" s="19">
        <v>0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55</v>
      </c>
      <c r="G712" s="21">
        <v>6080</v>
      </c>
      <c r="H712" s="21">
        <v>48</v>
      </c>
      <c r="I712" s="21">
        <v>5124</v>
      </c>
      <c r="J712" s="21">
        <v>7</v>
      </c>
      <c r="K712" s="21">
        <v>956</v>
      </c>
      <c r="L712" s="21">
        <v>0</v>
      </c>
      <c r="M712" s="21">
        <v>0</v>
      </c>
      <c r="N712" s="21">
        <v>2</v>
      </c>
      <c r="O712" s="21">
        <v>420</v>
      </c>
      <c r="P712" s="21">
        <v>5</v>
      </c>
      <c r="Q712" s="21">
        <v>536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55</v>
      </c>
      <c r="G713" s="16">
        <v>6080</v>
      </c>
      <c r="H713" s="16">
        <v>48</v>
      </c>
      <c r="I713" s="16">
        <v>5124</v>
      </c>
      <c r="J713" s="16">
        <v>7</v>
      </c>
      <c r="K713" s="16">
        <v>956</v>
      </c>
      <c r="L713" s="16">
        <v>0</v>
      </c>
      <c r="M713" s="16">
        <v>0</v>
      </c>
      <c r="N713" s="16">
        <v>2</v>
      </c>
      <c r="O713" s="16">
        <v>420</v>
      </c>
      <c r="P713" s="16">
        <v>5</v>
      </c>
      <c r="Q713" s="16">
        <v>536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65</v>
      </c>
      <c r="G716" s="21">
        <v>1549</v>
      </c>
      <c r="H716" s="21">
        <v>65</v>
      </c>
      <c r="I716" s="21">
        <v>1549</v>
      </c>
      <c r="J716" s="21">
        <v>0</v>
      </c>
      <c r="K716" s="21">
        <v>0</v>
      </c>
      <c r="L716" s="21">
        <v>0</v>
      </c>
      <c r="M716" s="21">
        <v>0</v>
      </c>
      <c r="N716" s="21">
        <v>0</v>
      </c>
      <c r="O716" s="21">
        <v>0</v>
      </c>
      <c r="P716" s="21">
        <v>0</v>
      </c>
      <c r="Q716" s="21">
        <v>0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0</v>
      </c>
      <c r="G717" s="16">
        <v>0</v>
      </c>
      <c r="H717" s="16">
        <v>0</v>
      </c>
      <c r="I717" s="16">
        <v>0</v>
      </c>
      <c r="J717" s="16">
        <v>0</v>
      </c>
      <c r="K717" s="16">
        <v>0</v>
      </c>
      <c r="L717" s="16">
        <v>0</v>
      </c>
      <c r="M717" s="16">
        <v>0</v>
      </c>
      <c r="N717" s="16">
        <v>0</v>
      </c>
      <c r="O717" s="16">
        <v>0</v>
      </c>
      <c r="P717" s="16">
        <v>0</v>
      </c>
      <c r="Q717" s="16">
        <v>0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0</v>
      </c>
      <c r="G718" s="16">
        <v>0</v>
      </c>
      <c r="H718" s="16">
        <v>0</v>
      </c>
      <c r="I718" s="16">
        <v>0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65</v>
      </c>
      <c r="G719" s="19">
        <v>1549</v>
      </c>
      <c r="H719" s="19">
        <v>65</v>
      </c>
      <c r="I719" s="19">
        <v>1549</v>
      </c>
      <c r="J719" s="19">
        <v>0</v>
      </c>
      <c r="K719" s="19">
        <v>0</v>
      </c>
      <c r="L719" s="19">
        <v>0</v>
      </c>
      <c r="M719" s="19">
        <v>0</v>
      </c>
      <c r="N719" s="19">
        <v>0</v>
      </c>
      <c r="O719" s="19">
        <v>0</v>
      </c>
      <c r="P719" s="19">
        <v>0</v>
      </c>
      <c r="Q719" s="19">
        <v>0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38</v>
      </c>
      <c r="G724" s="21">
        <v>4228</v>
      </c>
      <c r="H724" s="21">
        <v>38</v>
      </c>
      <c r="I724" s="21">
        <v>4228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38</v>
      </c>
      <c r="G725" s="16">
        <v>4228</v>
      </c>
      <c r="H725" s="16">
        <v>38</v>
      </c>
      <c r="I725" s="16">
        <v>4228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07</v>
      </c>
      <c r="G728" s="21">
        <v>9354</v>
      </c>
      <c r="H728" s="21">
        <v>102</v>
      </c>
      <c r="I728" s="21">
        <v>8793</v>
      </c>
      <c r="J728" s="21">
        <v>5</v>
      </c>
      <c r="K728" s="21">
        <v>561</v>
      </c>
      <c r="L728" s="21">
        <v>0</v>
      </c>
      <c r="M728" s="21">
        <v>0</v>
      </c>
      <c r="N728" s="21">
        <v>0</v>
      </c>
      <c r="O728" s="21">
        <v>0</v>
      </c>
      <c r="P728" s="21">
        <v>5</v>
      </c>
      <c r="Q728" s="21">
        <v>561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80</v>
      </c>
      <c r="G729" s="16">
        <v>8496</v>
      </c>
      <c r="H729" s="16">
        <v>77</v>
      </c>
      <c r="I729" s="16">
        <v>8094</v>
      </c>
      <c r="J729" s="16">
        <v>3</v>
      </c>
      <c r="K729" s="16">
        <v>402</v>
      </c>
      <c r="L729" s="16">
        <v>0</v>
      </c>
      <c r="M729" s="16">
        <v>0</v>
      </c>
      <c r="N729" s="16">
        <v>0</v>
      </c>
      <c r="O729" s="16">
        <v>0</v>
      </c>
      <c r="P729" s="16">
        <v>3</v>
      </c>
      <c r="Q729" s="16">
        <v>402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2</v>
      </c>
      <c r="G730" s="16">
        <v>159</v>
      </c>
      <c r="H730" s="16">
        <v>0</v>
      </c>
      <c r="I730" s="16">
        <v>0</v>
      </c>
      <c r="J730" s="16">
        <v>2</v>
      </c>
      <c r="K730" s="16">
        <v>159</v>
      </c>
      <c r="L730" s="16">
        <v>0</v>
      </c>
      <c r="M730" s="16">
        <v>0</v>
      </c>
      <c r="N730" s="16">
        <v>0</v>
      </c>
      <c r="O730" s="16">
        <v>0</v>
      </c>
      <c r="P730" s="16">
        <v>2</v>
      </c>
      <c r="Q730" s="16">
        <v>159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25</v>
      </c>
      <c r="G731" s="19">
        <v>699</v>
      </c>
      <c r="H731" s="19">
        <v>25</v>
      </c>
      <c r="I731" s="19">
        <v>699</v>
      </c>
      <c r="J731" s="19">
        <v>0</v>
      </c>
      <c r="K731" s="19">
        <v>0</v>
      </c>
      <c r="L731" s="19">
        <v>0</v>
      </c>
      <c r="M731" s="19">
        <v>0</v>
      </c>
      <c r="N731" s="19">
        <v>0</v>
      </c>
      <c r="O731" s="19">
        <v>0</v>
      </c>
      <c r="P731" s="19">
        <v>0</v>
      </c>
      <c r="Q731" s="19">
        <v>0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41</v>
      </c>
      <c r="G732" s="21">
        <v>4662</v>
      </c>
      <c r="H732" s="21">
        <v>38</v>
      </c>
      <c r="I732" s="21">
        <v>4260</v>
      </c>
      <c r="J732" s="21">
        <v>3</v>
      </c>
      <c r="K732" s="21">
        <v>402</v>
      </c>
      <c r="L732" s="21">
        <v>0</v>
      </c>
      <c r="M732" s="21">
        <v>0</v>
      </c>
      <c r="N732" s="21">
        <v>0</v>
      </c>
      <c r="O732" s="21">
        <v>0</v>
      </c>
      <c r="P732" s="21">
        <v>3</v>
      </c>
      <c r="Q732" s="21">
        <v>402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41</v>
      </c>
      <c r="G733" s="16">
        <v>4662</v>
      </c>
      <c r="H733" s="16">
        <v>38</v>
      </c>
      <c r="I733" s="16">
        <v>4260</v>
      </c>
      <c r="J733" s="16">
        <v>3</v>
      </c>
      <c r="K733" s="16">
        <v>402</v>
      </c>
      <c r="L733" s="16">
        <v>0</v>
      </c>
      <c r="M733" s="16">
        <v>0</v>
      </c>
      <c r="N733" s="16">
        <v>0</v>
      </c>
      <c r="O733" s="16">
        <v>0</v>
      </c>
      <c r="P733" s="16">
        <v>3</v>
      </c>
      <c r="Q733" s="16">
        <v>402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27</v>
      </c>
      <c r="G736" s="21">
        <v>858</v>
      </c>
      <c r="H736" s="21">
        <v>25</v>
      </c>
      <c r="I736" s="21">
        <v>699</v>
      </c>
      <c r="J736" s="21">
        <v>2</v>
      </c>
      <c r="K736" s="21">
        <v>159</v>
      </c>
      <c r="L736" s="21">
        <v>0</v>
      </c>
      <c r="M736" s="21">
        <v>0</v>
      </c>
      <c r="N736" s="21">
        <v>0</v>
      </c>
      <c r="O736" s="21">
        <v>0</v>
      </c>
      <c r="P736" s="21">
        <v>2</v>
      </c>
      <c r="Q736" s="21">
        <v>159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2</v>
      </c>
      <c r="G738" s="16">
        <v>159</v>
      </c>
      <c r="H738" s="16">
        <v>0</v>
      </c>
      <c r="I738" s="16">
        <v>0</v>
      </c>
      <c r="J738" s="16">
        <v>2</v>
      </c>
      <c r="K738" s="16">
        <v>159</v>
      </c>
      <c r="L738" s="16">
        <v>0</v>
      </c>
      <c r="M738" s="16">
        <v>0</v>
      </c>
      <c r="N738" s="16">
        <v>0</v>
      </c>
      <c r="O738" s="16">
        <v>0</v>
      </c>
      <c r="P738" s="16">
        <v>2</v>
      </c>
      <c r="Q738" s="16">
        <v>159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25</v>
      </c>
      <c r="G739" s="19">
        <v>699</v>
      </c>
      <c r="H739" s="19">
        <v>25</v>
      </c>
      <c r="I739" s="19">
        <v>699</v>
      </c>
      <c r="J739" s="19">
        <v>0</v>
      </c>
      <c r="K739" s="19">
        <v>0</v>
      </c>
      <c r="L739" s="19">
        <v>0</v>
      </c>
      <c r="M739" s="19">
        <v>0</v>
      </c>
      <c r="N739" s="19">
        <v>0</v>
      </c>
      <c r="O739" s="19">
        <v>0</v>
      </c>
      <c r="P739" s="19">
        <v>0</v>
      </c>
      <c r="Q739" s="19">
        <v>0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39</v>
      </c>
      <c r="G744" s="21">
        <v>3834</v>
      </c>
      <c r="H744" s="21">
        <v>39</v>
      </c>
      <c r="I744" s="21">
        <v>3834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39</v>
      </c>
      <c r="G745" s="16">
        <v>3834</v>
      </c>
      <c r="H745" s="16">
        <v>39</v>
      </c>
      <c r="I745" s="16">
        <v>3834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51</v>
      </c>
      <c r="G748" s="21">
        <v>5001</v>
      </c>
      <c r="H748" s="21">
        <v>47</v>
      </c>
      <c r="I748" s="21">
        <v>4588</v>
      </c>
      <c r="J748" s="21">
        <v>4</v>
      </c>
      <c r="K748" s="21">
        <v>413</v>
      </c>
      <c r="L748" s="21">
        <v>0</v>
      </c>
      <c r="M748" s="21">
        <v>0</v>
      </c>
      <c r="N748" s="21">
        <v>1</v>
      </c>
      <c r="O748" s="21">
        <v>135</v>
      </c>
      <c r="P748" s="21">
        <v>3</v>
      </c>
      <c r="Q748" s="21">
        <v>278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40</v>
      </c>
      <c r="G749" s="16">
        <v>4556</v>
      </c>
      <c r="H749" s="16">
        <v>36</v>
      </c>
      <c r="I749" s="16">
        <v>4143</v>
      </c>
      <c r="J749" s="16">
        <v>4</v>
      </c>
      <c r="K749" s="16">
        <v>413</v>
      </c>
      <c r="L749" s="16">
        <v>0</v>
      </c>
      <c r="M749" s="16">
        <v>0</v>
      </c>
      <c r="N749" s="16">
        <v>1</v>
      </c>
      <c r="O749" s="16">
        <v>135</v>
      </c>
      <c r="P749" s="16">
        <v>3</v>
      </c>
      <c r="Q749" s="16">
        <v>278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2</v>
      </c>
      <c r="G750" s="16">
        <v>133</v>
      </c>
      <c r="H750" s="16">
        <v>2</v>
      </c>
      <c r="I750" s="16">
        <v>133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9</v>
      </c>
      <c r="G751" s="19">
        <v>312</v>
      </c>
      <c r="H751" s="19">
        <v>9</v>
      </c>
      <c r="I751" s="19">
        <v>312</v>
      </c>
      <c r="J751" s="19">
        <v>0</v>
      </c>
      <c r="K751" s="19">
        <v>0</v>
      </c>
      <c r="L751" s="19">
        <v>0</v>
      </c>
      <c r="M751" s="19">
        <v>0</v>
      </c>
      <c r="N751" s="19">
        <v>0</v>
      </c>
      <c r="O751" s="19">
        <v>0</v>
      </c>
      <c r="P751" s="19">
        <v>0</v>
      </c>
      <c r="Q751" s="19">
        <v>0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24</v>
      </c>
      <c r="G752" s="21">
        <v>2917</v>
      </c>
      <c r="H752" s="21">
        <v>21</v>
      </c>
      <c r="I752" s="21">
        <v>2569</v>
      </c>
      <c r="J752" s="21">
        <v>3</v>
      </c>
      <c r="K752" s="21">
        <v>348</v>
      </c>
      <c r="L752" s="21">
        <v>0</v>
      </c>
      <c r="M752" s="21">
        <v>0</v>
      </c>
      <c r="N752" s="21">
        <v>1</v>
      </c>
      <c r="O752" s="21">
        <v>135</v>
      </c>
      <c r="P752" s="21">
        <v>2</v>
      </c>
      <c r="Q752" s="21">
        <v>213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22</v>
      </c>
      <c r="G753" s="16">
        <v>2784</v>
      </c>
      <c r="H753" s="16">
        <v>19</v>
      </c>
      <c r="I753" s="16">
        <v>2436</v>
      </c>
      <c r="J753" s="16">
        <v>3</v>
      </c>
      <c r="K753" s="16">
        <v>348</v>
      </c>
      <c r="L753" s="16">
        <v>0</v>
      </c>
      <c r="M753" s="16">
        <v>0</v>
      </c>
      <c r="N753" s="16">
        <v>1</v>
      </c>
      <c r="O753" s="16">
        <v>135</v>
      </c>
      <c r="P753" s="16">
        <v>2</v>
      </c>
      <c r="Q753" s="16">
        <v>213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2</v>
      </c>
      <c r="G754" s="16">
        <v>133</v>
      </c>
      <c r="H754" s="16">
        <v>2</v>
      </c>
      <c r="I754" s="16">
        <v>133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10</v>
      </c>
      <c r="G756" s="21">
        <v>377</v>
      </c>
      <c r="H756" s="21">
        <v>9</v>
      </c>
      <c r="I756" s="21">
        <v>312</v>
      </c>
      <c r="J756" s="21">
        <v>1</v>
      </c>
      <c r="K756" s="21">
        <v>65</v>
      </c>
      <c r="L756" s="21">
        <v>0</v>
      </c>
      <c r="M756" s="21">
        <v>0</v>
      </c>
      <c r="N756" s="21">
        <v>0</v>
      </c>
      <c r="O756" s="21">
        <v>0</v>
      </c>
      <c r="P756" s="21">
        <v>1</v>
      </c>
      <c r="Q756" s="21">
        <v>65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1</v>
      </c>
      <c r="G757" s="16">
        <v>65</v>
      </c>
      <c r="H757" s="16">
        <v>0</v>
      </c>
      <c r="I757" s="16">
        <v>0</v>
      </c>
      <c r="J757" s="16">
        <v>1</v>
      </c>
      <c r="K757" s="16">
        <v>65</v>
      </c>
      <c r="L757" s="16">
        <v>0</v>
      </c>
      <c r="M757" s="16">
        <v>0</v>
      </c>
      <c r="N757" s="16">
        <v>0</v>
      </c>
      <c r="O757" s="16">
        <v>0</v>
      </c>
      <c r="P757" s="16">
        <v>1</v>
      </c>
      <c r="Q757" s="16">
        <v>65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0</v>
      </c>
      <c r="G758" s="16">
        <v>0</v>
      </c>
      <c r="H758" s="16">
        <v>0</v>
      </c>
      <c r="I758" s="16">
        <v>0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9</v>
      </c>
      <c r="G759" s="19">
        <v>312</v>
      </c>
      <c r="H759" s="19">
        <v>9</v>
      </c>
      <c r="I759" s="19">
        <v>312</v>
      </c>
      <c r="J759" s="19">
        <v>0</v>
      </c>
      <c r="K759" s="19">
        <v>0</v>
      </c>
      <c r="L759" s="19">
        <v>0</v>
      </c>
      <c r="M759" s="19">
        <v>0</v>
      </c>
      <c r="N759" s="19">
        <v>0</v>
      </c>
      <c r="O759" s="19">
        <v>0</v>
      </c>
      <c r="P759" s="19">
        <v>0</v>
      </c>
      <c r="Q759" s="19">
        <v>0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17</v>
      </c>
      <c r="G764" s="21">
        <v>1707</v>
      </c>
      <c r="H764" s="21">
        <v>17</v>
      </c>
      <c r="I764" s="21">
        <v>1707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17</v>
      </c>
      <c r="G765" s="16">
        <v>1707</v>
      </c>
      <c r="H765" s="16">
        <v>17</v>
      </c>
      <c r="I765" s="16">
        <v>1707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373</v>
      </c>
      <c r="G768" s="21">
        <v>30954</v>
      </c>
      <c r="H768" s="21">
        <v>104</v>
      </c>
      <c r="I768" s="21">
        <v>9182</v>
      </c>
      <c r="J768" s="21">
        <v>269</v>
      </c>
      <c r="K768" s="21">
        <v>21772</v>
      </c>
      <c r="L768" s="21">
        <v>0</v>
      </c>
      <c r="M768" s="21">
        <v>0</v>
      </c>
      <c r="N768" s="21">
        <v>204</v>
      </c>
      <c r="O768" s="21">
        <v>18142</v>
      </c>
      <c r="P768" s="21">
        <v>65</v>
      </c>
      <c r="Q768" s="21">
        <v>3630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87</v>
      </c>
      <c r="G769" s="16">
        <v>9336</v>
      </c>
      <c r="H769" s="16">
        <v>80</v>
      </c>
      <c r="I769" s="16">
        <v>8254</v>
      </c>
      <c r="J769" s="16">
        <v>7</v>
      </c>
      <c r="K769" s="16">
        <v>1082</v>
      </c>
      <c r="L769" s="16">
        <v>0</v>
      </c>
      <c r="M769" s="16">
        <v>0</v>
      </c>
      <c r="N769" s="16">
        <v>0</v>
      </c>
      <c r="O769" s="16">
        <v>0</v>
      </c>
      <c r="P769" s="16">
        <v>7</v>
      </c>
      <c r="Q769" s="16">
        <v>1082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0</v>
      </c>
      <c r="G770" s="16">
        <v>0</v>
      </c>
      <c r="H770" s="16">
        <v>0</v>
      </c>
      <c r="I770" s="16">
        <v>0</v>
      </c>
      <c r="J770" s="16">
        <v>0</v>
      </c>
      <c r="K770" s="16">
        <v>0</v>
      </c>
      <c r="L770" s="16">
        <v>0</v>
      </c>
      <c r="M770" s="16">
        <v>0</v>
      </c>
      <c r="N770" s="16">
        <v>0</v>
      </c>
      <c r="O770" s="16">
        <v>0</v>
      </c>
      <c r="P770" s="16">
        <v>0</v>
      </c>
      <c r="Q770" s="16">
        <v>0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286</v>
      </c>
      <c r="G771" s="19">
        <v>21618</v>
      </c>
      <c r="H771" s="19">
        <v>24</v>
      </c>
      <c r="I771" s="19">
        <v>928</v>
      </c>
      <c r="J771" s="19">
        <v>262</v>
      </c>
      <c r="K771" s="19">
        <v>20690</v>
      </c>
      <c r="L771" s="19">
        <v>0</v>
      </c>
      <c r="M771" s="19">
        <v>0</v>
      </c>
      <c r="N771" s="19">
        <v>204</v>
      </c>
      <c r="O771" s="19">
        <v>18142</v>
      </c>
      <c r="P771" s="19">
        <v>58</v>
      </c>
      <c r="Q771" s="19">
        <v>2548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48</v>
      </c>
      <c r="G772" s="21">
        <v>5505</v>
      </c>
      <c r="H772" s="21">
        <v>43</v>
      </c>
      <c r="I772" s="21">
        <v>4657</v>
      </c>
      <c r="J772" s="21">
        <v>5</v>
      </c>
      <c r="K772" s="21">
        <v>848</v>
      </c>
      <c r="L772" s="21">
        <v>0</v>
      </c>
      <c r="M772" s="21">
        <v>0</v>
      </c>
      <c r="N772" s="21">
        <v>0</v>
      </c>
      <c r="O772" s="21">
        <v>0</v>
      </c>
      <c r="P772" s="21">
        <v>5</v>
      </c>
      <c r="Q772" s="21">
        <v>848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48</v>
      </c>
      <c r="G773" s="16">
        <v>5505</v>
      </c>
      <c r="H773" s="16">
        <v>43</v>
      </c>
      <c r="I773" s="16">
        <v>4657</v>
      </c>
      <c r="J773" s="16">
        <v>5</v>
      </c>
      <c r="K773" s="16">
        <v>848</v>
      </c>
      <c r="L773" s="16">
        <v>0</v>
      </c>
      <c r="M773" s="16">
        <v>0</v>
      </c>
      <c r="N773" s="16">
        <v>0</v>
      </c>
      <c r="O773" s="16">
        <v>0</v>
      </c>
      <c r="P773" s="16">
        <v>5</v>
      </c>
      <c r="Q773" s="16">
        <v>848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83</v>
      </c>
      <c r="G776" s="21">
        <v>3577</v>
      </c>
      <c r="H776" s="21">
        <v>25</v>
      </c>
      <c r="I776" s="21">
        <v>1029</v>
      </c>
      <c r="J776" s="21">
        <v>58</v>
      </c>
      <c r="K776" s="21">
        <v>2548</v>
      </c>
      <c r="L776" s="21">
        <v>0</v>
      </c>
      <c r="M776" s="21">
        <v>0</v>
      </c>
      <c r="N776" s="21">
        <v>0</v>
      </c>
      <c r="O776" s="21">
        <v>0</v>
      </c>
      <c r="P776" s="21">
        <v>58</v>
      </c>
      <c r="Q776" s="21">
        <v>2548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1</v>
      </c>
      <c r="G777" s="16">
        <v>101</v>
      </c>
      <c r="H777" s="16">
        <v>1</v>
      </c>
      <c r="I777" s="16">
        <v>101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0</v>
      </c>
      <c r="G778" s="16">
        <v>0</v>
      </c>
      <c r="H778" s="16">
        <v>0</v>
      </c>
      <c r="I778" s="16">
        <v>0</v>
      </c>
      <c r="J778" s="16">
        <v>0</v>
      </c>
      <c r="K778" s="16">
        <v>0</v>
      </c>
      <c r="L778" s="16">
        <v>0</v>
      </c>
      <c r="M778" s="16">
        <v>0</v>
      </c>
      <c r="N778" s="16">
        <v>0</v>
      </c>
      <c r="O778" s="16">
        <v>0</v>
      </c>
      <c r="P778" s="16">
        <v>0</v>
      </c>
      <c r="Q778" s="16">
        <v>0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82</v>
      </c>
      <c r="G779" s="19">
        <v>3476</v>
      </c>
      <c r="H779" s="19">
        <v>24</v>
      </c>
      <c r="I779" s="19">
        <v>928</v>
      </c>
      <c r="J779" s="19">
        <v>58</v>
      </c>
      <c r="K779" s="19">
        <v>2548</v>
      </c>
      <c r="L779" s="19">
        <v>0</v>
      </c>
      <c r="M779" s="19">
        <v>0</v>
      </c>
      <c r="N779" s="19">
        <v>0</v>
      </c>
      <c r="O779" s="19">
        <v>0</v>
      </c>
      <c r="P779" s="19">
        <v>58</v>
      </c>
      <c r="Q779" s="19">
        <v>2548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242</v>
      </c>
      <c r="G784" s="21">
        <v>21872</v>
      </c>
      <c r="H784" s="21">
        <v>36</v>
      </c>
      <c r="I784" s="21">
        <v>3496</v>
      </c>
      <c r="J784" s="21">
        <v>206</v>
      </c>
      <c r="K784" s="21">
        <v>18376</v>
      </c>
      <c r="L784" s="21">
        <v>0</v>
      </c>
      <c r="M784" s="21">
        <v>0</v>
      </c>
      <c r="N784" s="21">
        <v>204</v>
      </c>
      <c r="O784" s="21">
        <v>18142</v>
      </c>
      <c r="P784" s="21">
        <v>2</v>
      </c>
      <c r="Q784" s="21">
        <v>234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38</v>
      </c>
      <c r="G785" s="16">
        <v>3730</v>
      </c>
      <c r="H785" s="16">
        <v>36</v>
      </c>
      <c r="I785" s="16">
        <v>3496</v>
      </c>
      <c r="J785" s="16">
        <v>2</v>
      </c>
      <c r="K785" s="16">
        <v>234</v>
      </c>
      <c r="L785" s="16">
        <v>0</v>
      </c>
      <c r="M785" s="16">
        <v>0</v>
      </c>
      <c r="N785" s="16">
        <v>0</v>
      </c>
      <c r="O785" s="16">
        <v>0</v>
      </c>
      <c r="P785" s="16">
        <v>2</v>
      </c>
      <c r="Q785" s="16">
        <v>234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204</v>
      </c>
      <c r="G787" s="19">
        <v>18142</v>
      </c>
      <c r="H787" s="19">
        <v>0</v>
      </c>
      <c r="I787" s="19">
        <v>0</v>
      </c>
      <c r="J787" s="19">
        <v>204</v>
      </c>
      <c r="K787" s="19">
        <v>18142</v>
      </c>
      <c r="L787" s="19">
        <v>0</v>
      </c>
      <c r="M787" s="19">
        <v>0</v>
      </c>
      <c r="N787" s="19">
        <v>204</v>
      </c>
      <c r="O787" s="19">
        <v>18142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53</v>
      </c>
      <c r="G788" s="21">
        <v>5750</v>
      </c>
      <c r="H788" s="21">
        <v>49</v>
      </c>
      <c r="I788" s="21">
        <v>5182</v>
      </c>
      <c r="J788" s="21">
        <v>4</v>
      </c>
      <c r="K788" s="21">
        <v>568</v>
      </c>
      <c r="L788" s="21">
        <v>0</v>
      </c>
      <c r="M788" s="21">
        <v>0</v>
      </c>
      <c r="N788" s="21">
        <v>0</v>
      </c>
      <c r="O788" s="21">
        <v>0</v>
      </c>
      <c r="P788" s="21">
        <v>4</v>
      </c>
      <c r="Q788" s="21">
        <v>568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51</v>
      </c>
      <c r="G789" s="16">
        <v>5658</v>
      </c>
      <c r="H789" s="16">
        <v>47</v>
      </c>
      <c r="I789" s="16">
        <v>5090</v>
      </c>
      <c r="J789" s="16">
        <v>4</v>
      </c>
      <c r="K789" s="16">
        <v>568</v>
      </c>
      <c r="L789" s="16">
        <v>0</v>
      </c>
      <c r="M789" s="16">
        <v>0</v>
      </c>
      <c r="N789" s="16">
        <v>0</v>
      </c>
      <c r="O789" s="16">
        <v>0</v>
      </c>
      <c r="P789" s="16">
        <v>4</v>
      </c>
      <c r="Q789" s="16">
        <v>568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2</v>
      </c>
      <c r="G790" s="16">
        <v>92</v>
      </c>
      <c r="H790" s="16">
        <v>2</v>
      </c>
      <c r="I790" s="16">
        <v>92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0</v>
      </c>
      <c r="G791" s="19">
        <v>0</v>
      </c>
      <c r="H791" s="19">
        <v>0</v>
      </c>
      <c r="I791" s="19">
        <v>0</v>
      </c>
      <c r="J791" s="19">
        <v>0</v>
      </c>
      <c r="K791" s="19">
        <v>0</v>
      </c>
      <c r="L791" s="19">
        <v>0</v>
      </c>
      <c r="M791" s="19">
        <v>0</v>
      </c>
      <c r="N791" s="19">
        <v>0</v>
      </c>
      <c r="O791" s="19">
        <v>0</v>
      </c>
      <c r="P791" s="19">
        <v>0</v>
      </c>
      <c r="Q791" s="19">
        <v>0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32</v>
      </c>
      <c r="G792" s="21">
        <v>3665</v>
      </c>
      <c r="H792" s="21">
        <v>28</v>
      </c>
      <c r="I792" s="21">
        <v>3097</v>
      </c>
      <c r="J792" s="21">
        <v>4</v>
      </c>
      <c r="K792" s="21">
        <v>568</v>
      </c>
      <c r="L792" s="21">
        <v>0</v>
      </c>
      <c r="M792" s="21">
        <v>0</v>
      </c>
      <c r="N792" s="21">
        <v>0</v>
      </c>
      <c r="O792" s="21">
        <v>0</v>
      </c>
      <c r="P792" s="21">
        <v>4</v>
      </c>
      <c r="Q792" s="21">
        <v>568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32</v>
      </c>
      <c r="G793" s="16">
        <v>3665</v>
      </c>
      <c r="H793" s="16">
        <v>28</v>
      </c>
      <c r="I793" s="16">
        <v>3097</v>
      </c>
      <c r="J793" s="16">
        <v>4</v>
      </c>
      <c r="K793" s="16">
        <v>568</v>
      </c>
      <c r="L793" s="16">
        <v>0</v>
      </c>
      <c r="M793" s="16">
        <v>0</v>
      </c>
      <c r="N793" s="16">
        <v>0</v>
      </c>
      <c r="O793" s="16">
        <v>0</v>
      </c>
      <c r="P793" s="16">
        <v>4</v>
      </c>
      <c r="Q793" s="16">
        <v>568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2</v>
      </c>
      <c r="G796" s="21">
        <v>92</v>
      </c>
      <c r="H796" s="21">
        <v>2</v>
      </c>
      <c r="I796" s="21">
        <v>92</v>
      </c>
      <c r="J796" s="21">
        <v>0</v>
      </c>
      <c r="K796" s="21">
        <v>0</v>
      </c>
      <c r="L796" s="21">
        <v>0</v>
      </c>
      <c r="M796" s="21">
        <v>0</v>
      </c>
      <c r="N796" s="21">
        <v>0</v>
      </c>
      <c r="O796" s="21">
        <v>0</v>
      </c>
      <c r="P796" s="21">
        <v>0</v>
      </c>
      <c r="Q796" s="21">
        <v>0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2</v>
      </c>
      <c r="G798" s="16">
        <v>92</v>
      </c>
      <c r="H798" s="16">
        <v>2</v>
      </c>
      <c r="I798" s="16">
        <v>92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0</v>
      </c>
      <c r="G799" s="19">
        <v>0</v>
      </c>
      <c r="H799" s="19">
        <v>0</v>
      </c>
      <c r="I799" s="19">
        <v>0</v>
      </c>
      <c r="J799" s="19">
        <v>0</v>
      </c>
      <c r="K799" s="19">
        <v>0</v>
      </c>
      <c r="L799" s="19">
        <v>0</v>
      </c>
      <c r="M799" s="19">
        <v>0</v>
      </c>
      <c r="N799" s="19">
        <v>0</v>
      </c>
      <c r="O799" s="19">
        <v>0</v>
      </c>
      <c r="P799" s="19">
        <v>0</v>
      </c>
      <c r="Q799" s="19">
        <v>0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19</v>
      </c>
      <c r="G804" s="21">
        <v>1993</v>
      </c>
      <c r="H804" s="21">
        <v>19</v>
      </c>
      <c r="I804" s="21">
        <v>1993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19</v>
      </c>
      <c r="G805" s="16">
        <v>1993</v>
      </c>
      <c r="H805" s="16">
        <v>19</v>
      </c>
      <c r="I805" s="16">
        <v>1993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496</v>
      </c>
      <c r="G808" s="21">
        <v>33244</v>
      </c>
      <c r="H808" s="21">
        <v>49</v>
      </c>
      <c r="I808" s="21">
        <v>4889</v>
      </c>
      <c r="J808" s="21">
        <v>447</v>
      </c>
      <c r="K808" s="21">
        <v>28355</v>
      </c>
      <c r="L808" s="21">
        <v>60</v>
      </c>
      <c r="M808" s="21">
        <v>3916</v>
      </c>
      <c r="N808" s="21">
        <v>364</v>
      </c>
      <c r="O808" s="21">
        <v>22650</v>
      </c>
      <c r="P808" s="21">
        <v>23</v>
      </c>
      <c r="Q808" s="21">
        <v>1789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56</v>
      </c>
      <c r="G809" s="16">
        <v>5902</v>
      </c>
      <c r="H809" s="16">
        <v>49</v>
      </c>
      <c r="I809" s="16">
        <v>4889</v>
      </c>
      <c r="J809" s="16">
        <v>7</v>
      </c>
      <c r="K809" s="16">
        <v>1013</v>
      </c>
      <c r="L809" s="16">
        <v>0</v>
      </c>
      <c r="M809" s="16">
        <v>0</v>
      </c>
      <c r="N809" s="16">
        <v>0</v>
      </c>
      <c r="O809" s="16">
        <v>0</v>
      </c>
      <c r="P809" s="16">
        <v>7</v>
      </c>
      <c r="Q809" s="16">
        <v>1013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0</v>
      </c>
      <c r="G810" s="16">
        <v>0</v>
      </c>
      <c r="H810" s="16">
        <v>0</v>
      </c>
      <c r="I810" s="16">
        <v>0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440</v>
      </c>
      <c r="G811" s="19">
        <v>27342</v>
      </c>
      <c r="H811" s="19">
        <v>0</v>
      </c>
      <c r="I811" s="19">
        <v>0</v>
      </c>
      <c r="J811" s="19">
        <v>440</v>
      </c>
      <c r="K811" s="19">
        <v>27342</v>
      </c>
      <c r="L811" s="19">
        <v>60</v>
      </c>
      <c r="M811" s="19">
        <v>3916</v>
      </c>
      <c r="N811" s="19">
        <v>364</v>
      </c>
      <c r="O811" s="19">
        <v>22650</v>
      </c>
      <c r="P811" s="19">
        <v>16</v>
      </c>
      <c r="Q811" s="19">
        <v>776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28</v>
      </c>
      <c r="G812" s="21">
        <v>3143</v>
      </c>
      <c r="H812" s="21">
        <v>21</v>
      </c>
      <c r="I812" s="21">
        <v>2130</v>
      </c>
      <c r="J812" s="21">
        <v>7</v>
      </c>
      <c r="K812" s="21">
        <v>1013</v>
      </c>
      <c r="L812" s="21">
        <v>0</v>
      </c>
      <c r="M812" s="21">
        <v>0</v>
      </c>
      <c r="N812" s="21">
        <v>0</v>
      </c>
      <c r="O812" s="21">
        <v>0</v>
      </c>
      <c r="P812" s="21">
        <v>7</v>
      </c>
      <c r="Q812" s="21">
        <v>1013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28</v>
      </c>
      <c r="G813" s="16">
        <v>3143</v>
      </c>
      <c r="H813" s="16">
        <v>21</v>
      </c>
      <c r="I813" s="16">
        <v>2130</v>
      </c>
      <c r="J813" s="16">
        <v>7</v>
      </c>
      <c r="K813" s="16">
        <v>1013</v>
      </c>
      <c r="L813" s="16">
        <v>0</v>
      </c>
      <c r="M813" s="16">
        <v>0</v>
      </c>
      <c r="N813" s="16">
        <v>0</v>
      </c>
      <c r="O813" s="16">
        <v>0</v>
      </c>
      <c r="P813" s="16">
        <v>7</v>
      </c>
      <c r="Q813" s="16">
        <v>1013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440</v>
      </c>
      <c r="G816" s="21">
        <v>27342</v>
      </c>
      <c r="H816" s="21">
        <v>0</v>
      </c>
      <c r="I816" s="21">
        <v>0</v>
      </c>
      <c r="J816" s="21">
        <v>440</v>
      </c>
      <c r="K816" s="21">
        <v>27342</v>
      </c>
      <c r="L816" s="21">
        <v>60</v>
      </c>
      <c r="M816" s="21">
        <v>3916</v>
      </c>
      <c r="N816" s="21">
        <v>364</v>
      </c>
      <c r="O816" s="21">
        <v>22650</v>
      </c>
      <c r="P816" s="21">
        <v>16</v>
      </c>
      <c r="Q816" s="21">
        <v>776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0</v>
      </c>
      <c r="G818" s="16">
        <v>0</v>
      </c>
      <c r="H818" s="16">
        <v>0</v>
      </c>
      <c r="I818" s="16">
        <v>0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440</v>
      </c>
      <c r="G819" s="19">
        <v>27342</v>
      </c>
      <c r="H819" s="19">
        <v>0</v>
      </c>
      <c r="I819" s="19">
        <v>0</v>
      </c>
      <c r="J819" s="19">
        <v>440</v>
      </c>
      <c r="K819" s="19">
        <v>27342</v>
      </c>
      <c r="L819" s="19">
        <v>60</v>
      </c>
      <c r="M819" s="19">
        <v>3916</v>
      </c>
      <c r="N819" s="19">
        <v>364</v>
      </c>
      <c r="O819" s="19">
        <v>22650</v>
      </c>
      <c r="P819" s="19">
        <v>16</v>
      </c>
      <c r="Q819" s="19">
        <v>776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28</v>
      </c>
      <c r="G824" s="21">
        <v>2759</v>
      </c>
      <c r="H824" s="21">
        <v>28</v>
      </c>
      <c r="I824" s="21">
        <v>2759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28</v>
      </c>
      <c r="G825" s="16">
        <v>2759</v>
      </c>
      <c r="H825" s="16">
        <v>28</v>
      </c>
      <c r="I825" s="16">
        <v>2759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45</v>
      </c>
      <c r="G828" s="21">
        <v>3241</v>
      </c>
      <c r="H828" s="21">
        <v>20</v>
      </c>
      <c r="I828" s="21">
        <v>1781</v>
      </c>
      <c r="J828" s="21">
        <v>25</v>
      </c>
      <c r="K828" s="21">
        <v>1460</v>
      </c>
      <c r="L828" s="21">
        <v>0</v>
      </c>
      <c r="M828" s="21">
        <v>0</v>
      </c>
      <c r="N828" s="21">
        <v>20</v>
      </c>
      <c r="O828" s="21">
        <v>1129</v>
      </c>
      <c r="P828" s="21">
        <v>5</v>
      </c>
      <c r="Q828" s="21">
        <v>331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15</v>
      </c>
      <c r="G829" s="16">
        <v>1559</v>
      </c>
      <c r="H829" s="16">
        <v>14</v>
      </c>
      <c r="I829" s="16">
        <v>1463</v>
      </c>
      <c r="J829" s="16">
        <v>1</v>
      </c>
      <c r="K829" s="16">
        <v>96</v>
      </c>
      <c r="L829" s="16">
        <v>0</v>
      </c>
      <c r="M829" s="16">
        <v>0</v>
      </c>
      <c r="N829" s="16">
        <v>0</v>
      </c>
      <c r="O829" s="16">
        <v>0</v>
      </c>
      <c r="P829" s="16">
        <v>1</v>
      </c>
      <c r="Q829" s="16">
        <v>96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6</v>
      </c>
      <c r="G830" s="16">
        <v>436</v>
      </c>
      <c r="H830" s="16">
        <v>2</v>
      </c>
      <c r="I830" s="16">
        <v>201</v>
      </c>
      <c r="J830" s="16">
        <v>4</v>
      </c>
      <c r="K830" s="16">
        <v>235</v>
      </c>
      <c r="L830" s="16">
        <v>0</v>
      </c>
      <c r="M830" s="16">
        <v>0</v>
      </c>
      <c r="N830" s="16">
        <v>0</v>
      </c>
      <c r="O830" s="16">
        <v>0</v>
      </c>
      <c r="P830" s="16">
        <v>4</v>
      </c>
      <c r="Q830" s="16">
        <v>235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24</v>
      </c>
      <c r="G831" s="19">
        <v>1246</v>
      </c>
      <c r="H831" s="19">
        <v>4</v>
      </c>
      <c r="I831" s="19">
        <v>117</v>
      </c>
      <c r="J831" s="19">
        <v>20</v>
      </c>
      <c r="K831" s="19">
        <v>1129</v>
      </c>
      <c r="L831" s="19">
        <v>0</v>
      </c>
      <c r="M831" s="19">
        <v>0</v>
      </c>
      <c r="N831" s="19">
        <v>20</v>
      </c>
      <c r="O831" s="19">
        <v>1129</v>
      </c>
      <c r="P831" s="19">
        <v>0</v>
      </c>
      <c r="Q831" s="19">
        <v>0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0</v>
      </c>
      <c r="G832" s="21">
        <v>1076</v>
      </c>
      <c r="H832" s="21">
        <v>9</v>
      </c>
      <c r="I832" s="21">
        <v>980</v>
      </c>
      <c r="J832" s="21">
        <v>1</v>
      </c>
      <c r="K832" s="21">
        <v>96</v>
      </c>
      <c r="L832" s="21">
        <v>0</v>
      </c>
      <c r="M832" s="21">
        <v>0</v>
      </c>
      <c r="N832" s="21">
        <v>0</v>
      </c>
      <c r="O832" s="21">
        <v>0</v>
      </c>
      <c r="P832" s="21">
        <v>1</v>
      </c>
      <c r="Q832" s="21">
        <v>96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8</v>
      </c>
      <c r="G833" s="16">
        <v>875</v>
      </c>
      <c r="H833" s="16">
        <v>7</v>
      </c>
      <c r="I833" s="16">
        <v>779</v>
      </c>
      <c r="J833" s="16">
        <v>1</v>
      </c>
      <c r="K833" s="16">
        <v>96</v>
      </c>
      <c r="L833" s="16">
        <v>0</v>
      </c>
      <c r="M833" s="16">
        <v>0</v>
      </c>
      <c r="N833" s="16">
        <v>0</v>
      </c>
      <c r="O833" s="16">
        <v>0</v>
      </c>
      <c r="P833" s="16">
        <v>1</v>
      </c>
      <c r="Q833" s="16">
        <v>96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2</v>
      </c>
      <c r="G834" s="16">
        <v>201</v>
      </c>
      <c r="H834" s="16">
        <v>2</v>
      </c>
      <c r="I834" s="16">
        <v>201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29</v>
      </c>
      <c r="G836" s="21">
        <v>1549</v>
      </c>
      <c r="H836" s="21">
        <v>5</v>
      </c>
      <c r="I836" s="21">
        <v>185</v>
      </c>
      <c r="J836" s="21">
        <v>24</v>
      </c>
      <c r="K836" s="21">
        <v>1364</v>
      </c>
      <c r="L836" s="21">
        <v>0</v>
      </c>
      <c r="M836" s="21">
        <v>0</v>
      </c>
      <c r="N836" s="21">
        <v>20</v>
      </c>
      <c r="O836" s="21">
        <v>1129</v>
      </c>
      <c r="P836" s="21">
        <v>4</v>
      </c>
      <c r="Q836" s="21">
        <v>235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1</v>
      </c>
      <c r="G837" s="16">
        <v>68</v>
      </c>
      <c r="H837" s="16">
        <v>1</v>
      </c>
      <c r="I837" s="16">
        <v>68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4</v>
      </c>
      <c r="G838" s="16">
        <v>235</v>
      </c>
      <c r="H838" s="16">
        <v>0</v>
      </c>
      <c r="I838" s="16">
        <v>0</v>
      </c>
      <c r="J838" s="16">
        <v>4</v>
      </c>
      <c r="K838" s="16">
        <v>235</v>
      </c>
      <c r="L838" s="16">
        <v>0</v>
      </c>
      <c r="M838" s="16">
        <v>0</v>
      </c>
      <c r="N838" s="16">
        <v>0</v>
      </c>
      <c r="O838" s="16">
        <v>0</v>
      </c>
      <c r="P838" s="16">
        <v>4</v>
      </c>
      <c r="Q838" s="16">
        <v>235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24</v>
      </c>
      <c r="G839" s="19">
        <v>1246</v>
      </c>
      <c r="H839" s="19">
        <v>4</v>
      </c>
      <c r="I839" s="19">
        <v>117</v>
      </c>
      <c r="J839" s="19">
        <v>20</v>
      </c>
      <c r="K839" s="19">
        <v>1129</v>
      </c>
      <c r="L839" s="19">
        <v>0</v>
      </c>
      <c r="M839" s="19">
        <v>0</v>
      </c>
      <c r="N839" s="19">
        <v>20</v>
      </c>
      <c r="O839" s="19">
        <v>1129</v>
      </c>
      <c r="P839" s="19">
        <v>0</v>
      </c>
      <c r="Q839" s="19">
        <v>0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6</v>
      </c>
      <c r="G844" s="21">
        <v>616</v>
      </c>
      <c r="H844" s="21">
        <v>6</v>
      </c>
      <c r="I844" s="21">
        <v>616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6</v>
      </c>
      <c r="G845" s="16">
        <v>616</v>
      </c>
      <c r="H845" s="16">
        <v>6</v>
      </c>
      <c r="I845" s="16">
        <v>616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6</v>
      </c>
      <c r="G848" s="21">
        <v>664</v>
      </c>
      <c r="H848" s="21">
        <v>5</v>
      </c>
      <c r="I848" s="21">
        <v>536</v>
      </c>
      <c r="J848" s="21">
        <v>1</v>
      </c>
      <c r="K848" s="21">
        <v>128</v>
      </c>
      <c r="L848" s="21">
        <v>0</v>
      </c>
      <c r="M848" s="21">
        <v>0</v>
      </c>
      <c r="N848" s="21">
        <v>0</v>
      </c>
      <c r="O848" s="21">
        <v>0</v>
      </c>
      <c r="P848" s="21">
        <v>1</v>
      </c>
      <c r="Q848" s="21">
        <v>128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6</v>
      </c>
      <c r="G849" s="16">
        <v>664</v>
      </c>
      <c r="H849" s="16">
        <v>5</v>
      </c>
      <c r="I849" s="16">
        <v>536</v>
      </c>
      <c r="J849" s="16">
        <v>1</v>
      </c>
      <c r="K849" s="16">
        <v>128</v>
      </c>
      <c r="L849" s="16">
        <v>0</v>
      </c>
      <c r="M849" s="16">
        <v>0</v>
      </c>
      <c r="N849" s="16">
        <v>0</v>
      </c>
      <c r="O849" s="16">
        <v>0</v>
      </c>
      <c r="P849" s="16">
        <v>1</v>
      </c>
      <c r="Q849" s="16">
        <v>128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6</v>
      </c>
      <c r="G852" s="21">
        <v>664</v>
      </c>
      <c r="H852" s="21">
        <v>5</v>
      </c>
      <c r="I852" s="21">
        <v>536</v>
      </c>
      <c r="J852" s="21">
        <v>1</v>
      </c>
      <c r="K852" s="21">
        <v>128</v>
      </c>
      <c r="L852" s="21">
        <v>0</v>
      </c>
      <c r="M852" s="21">
        <v>0</v>
      </c>
      <c r="N852" s="21">
        <v>0</v>
      </c>
      <c r="O852" s="21">
        <v>0</v>
      </c>
      <c r="P852" s="21">
        <v>1</v>
      </c>
      <c r="Q852" s="21">
        <v>128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6</v>
      </c>
      <c r="G853" s="16">
        <v>664</v>
      </c>
      <c r="H853" s="16">
        <v>5</v>
      </c>
      <c r="I853" s="16">
        <v>536</v>
      </c>
      <c r="J853" s="16">
        <v>1</v>
      </c>
      <c r="K853" s="16">
        <v>128</v>
      </c>
      <c r="L853" s="16">
        <v>0</v>
      </c>
      <c r="M853" s="16">
        <v>0</v>
      </c>
      <c r="N853" s="16">
        <v>0</v>
      </c>
      <c r="O853" s="16">
        <v>0</v>
      </c>
      <c r="P853" s="16">
        <v>1</v>
      </c>
      <c r="Q853" s="16">
        <v>128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0</v>
      </c>
      <c r="G864" s="21">
        <v>0</v>
      </c>
      <c r="H864" s="21">
        <v>0</v>
      </c>
      <c r="I864" s="21">
        <v>0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0</v>
      </c>
      <c r="G865" s="16">
        <v>0</v>
      </c>
      <c r="H865" s="16">
        <v>0</v>
      </c>
      <c r="I865" s="16">
        <v>0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51</v>
      </c>
      <c r="G868" s="21">
        <v>4338</v>
      </c>
      <c r="H868" s="21">
        <v>44</v>
      </c>
      <c r="I868" s="21">
        <v>3675</v>
      </c>
      <c r="J868" s="21">
        <v>7</v>
      </c>
      <c r="K868" s="21">
        <v>663</v>
      </c>
      <c r="L868" s="21">
        <v>0</v>
      </c>
      <c r="M868" s="21">
        <v>0</v>
      </c>
      <c r="N868" s="21">
        <v>0</v>
      </c>
      <c r="O868" s="21">
        <v>0</v>
      </c>
      <c r="P868" s="21">
        <v>7</v>
      </c>
      <c r="Q868" s="21">
        <v>663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30</v>
      </c>
      <c r="G869" s="16">
        <v>3527</v>
      </c>
      <c r="H869" s="16">
        <v>27</v>
      </c>
      <c r="I869" s="16">
        <v>3089</v>
      </c>
      <c r="J869" s="16">
        <v>3</v>
      </c>
      <c r="K869" s="16">
        <v>438</v>
      </c>
      <c r="L869" s="16">
        <v>0</v>
      </c>
      <c r="M869" s="16">
        <v>0</v>
      </c>
      <c r="N869" s="16">
        <v>0</v>
      </c>
      <c r="O869" s="16">
        <v>0</v>
      </c>
      <c r="P869" s="16">
        <v>3</v>
      </c>
      <c r="Q869" s="16">
        <v>438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12</v>
      </c>
      <c r="G870" s="16">
        <v>489</v>
      </c>
      <c r="H870" s="16">
        <v>12</v>
      </c>
      <c r="I870" s="16">
        <v>489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9</v>
      </c>
      <c r="G871" s="19">
        <v>322</v>
      </c>
      <c r="H871" s="19">
        <v>5</v>
      </c>
      <c r="I871" s="19">
        <v>97</v>
      </c>
      <c r="J871" s="19">
        <v>4</v>
      </c>
      <c r="K871" s="19">
        <v>225</v>
      </c>
      <c r="L871" s="19">
        <v>0</v>
      </c>
      <c r="M871" s="19">
        <v>0</v>
      </c>
      <c r="N871" s="19">
        <v>0</v>
      </c>
      <c r="O871" s="19">
        <v>0</v>
      </c>
      <c r="P871" s="19">
        <v>4</v>
      </c>
      <c r="Q871" s="19">
        <v>225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21</v>
      </c>
      <c r="G872" s="21">
        <v>2623</v>
      </c>
      <c r="H872" s="21">
        <v>18</v>
      </c>
      <c r="I872" s="21">
        <v>2185</v>
      </c>
      <c r="J872" s="21">
        <v>3</v>
      </c>
      <c r="K872" s="21">
        <v>438</v>
      </c>
      <c r="L872" s="21">
        <v>0</v>
      </c>
      <c r="M872" s="21">
        <v>0</v>
      </c>
      <c r="N872" s="21">
        <v>0</v>
      </c>
      <c r="O872" s="21">
        <v>0</v>
      </c>
      <c r="P872" s="21">
        <v>3</v>
      </c>
      <c r="Q872" s="21">
        <v>438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21</v>
      </c>
      <c r="G873" s="16">
        <v>2623</v>
      </c>
      <c r="H873" s="16">
        <v>18</v>
      </c>
      <c r="I873" s="16">
        <v>2185</v>
      </c>
      <c r="J873" s="16">
        <v>3</v>
      </c>
      <c r="K873" s="16">
        <v>438</v>
      </c>
      <c r="L873" s="16">
        <v>0</v>
      </c>
      <c r="M873" s="16">
        <v>0</v>
      </c>
      <c r="N873" s="16">
        <v>0</v>
      </c>
      <c r="O873" s="16">
        <v>0</v>
      </c>
      <c r="P873" s="16">
        <v>3</v>
      </c>
      <c r="Q873" s="16">
        <v>438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21</v>
      </c>
      <c r="G876" s="21">
        <v>811</v>
      </c>
      <c r="H876" s="21">
        <v>17</v>
      </c>
      <c r="I876" s="21">
        <v>586</v>
      </c>
      <c r="J876" s="21">
        <v>4</v>
      </c>
      <c r="K876" s="21">
        <v>225</v>
      </c>
      <c r="L876" s="21">
        <v>0</v>
      </c>
      <c r="M876" s="21">
        <v>0</v>
      </c>
      <c r="N876" s="21">
        <v>0</v>
      </c>
      <c r="O876" s="21">
        <v>0</v>
      </c>
      <c r="P876" s="21">
        <v>4</v>
      </c>
      <c r="Q876" s="21">
        <v>225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12</v>
      </c>
      <c r="G878" s="16">
        <v>489</v>
      </c>
      <c r="H878" s="16">
        <v>12</v>
      </c>
      <c r="I878" s="16">
        <v>489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9</v>
      </c>
      <c r="G879" s="19">
        <v>322</v>
      </c>
      <c r="H879" s="19">
        <v>5</v>
      </c>
      <c r="I879" s="19">
        <v>97</v>
      </c>
      <c r="J879" s="19">
        <v>4</v>
      </c>
      <c r="K879" s="19">
        <v>225</v>
      </c>
      <c r="L879" s="19">
        <v>0</v>
      </c>
      <c r="M879" s="19">
        <v>0</v>
      </c>
      <c r="N879" s="19">
        <v>0</v>
      </c>
      <c r="O879" s="19">
        <v>0</v>
      </c>
      <c r="P879" s="19">
        <v>4</v>
      </c>
      <c r="Q879" s="19">
        <v>225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9</v>
      </c>
      <c r="G884" s="21">
        <v>904</v>
      </c>
      <c r="H884" s="21">
        <v>9</v>
      </c>
      <c r="I884" s="21">
        <v>904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9</v>
      </c>
      <c r="G885" s="16">
        <v>904</v>
      </c>
      <c r="H885" s="16">
        <v>9</v>
      </c>
      <c r="I885" s="16">
        <v>904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113</v>
      </c>
      <c r="G888" s="21">
        <v>7118</v>
      </c>
      <c r="H888" s="21">
        <v>63</v>
      </c>
      <c r="I888" s="21">
        <v>4743</v>
      </c>
      <c r="J888" s="21">
        <v>50</v>
      </c>
      <c r="K888" s="21">
        <v>2375</v>
      </c>
      <c r="L888" s="21">
        <v>0</v>
      </c>
      <c r="M888" s="21">
        <v>0</v>
      </c>
      <c r="N888" s="21">
        <v>0</v>
      </c>
      <c r="O888" s="21">
        <v>0</v>
      </c>
      <c r="P888" s="21">
        <v>49</v>
      </c>
      <c r="Q888" s="21">
        <v>2274</v>
      </c>
      <c r="R888" s="21">
        <v>0</v>
      </c>
      <c r="S888" s="21">
        <v>0</v>
      </c>
      <c r="T888" s="21">
        <v>1</v>
      </c>
      <c r="U888" s="21">
        <v>101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35</v>
      </c>
      <c r="G889" s="16">
        <v>3844</v>
      </c>
      <c r="H889" s="16">
        <v>32</v>
      </c>
      <c r="I889" s="16">
        <v>3378</v>
      </c>
      <c r="J889" s="16">
        <v>3</v>
      </c>
      <c r="K889" s="16">
        <v>466</v>
      </c>
      <c r="L889" s="16">
        <v>0</v>
      </c>
      <c r="M889" s="16">
        <v>0</v>
      </c>
      <c r="N889" s="16">
        <v>0</v>
      </c>
      <c r="O889" s="16">
        <v>0</v>
      </c>
      <c r="P889" s="16">
        <v>2</v>
      </c>
      <c r="Q889" s="16">
        <v>365</v>
      </c>
      <c r="R889" s="16">
        <v>0</v>
      </c>
      <c r="S889" s="16">
        <v>0</v>
      </c>
      <c r="T889" s="16">
        <v>1</v>
      </c>
      <c r="U889" s="16">
        <v>101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0</v>
      </c>
      <c r="G890" s="16">
        <v>0</v>
      </c>
      <c r="H890" s="16">
        <v>0</v>
      </c>
      <c r="I890" s="16">
        <v>0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78</v>
      </c>
      <c r="G891" s="19">
        <v>3274</v>
      </c>
      <c r="H891" s="19">
        <v>31</v>
      </c>
      <c r="I891" s="19">
        <v>1365</v>
      </c>
      <c r="J891" s="19">
        <v>47</v>
      </c>
      <c r="K891" s="19">
        <v>1909</v>
      </c>
      <c r="L891" s="19">
        <v>0</v>
      </c>
      <c r="M891" s="19">
        <v>0</v>
      </c>
      <c r="N891" s="19">
        <v>0</v>
      </c>
      <c r="O891" s="19">
        <v>0</v>
      </c>
      <c r="P891" s="19">
        <v>47</v>
      </c>
      <c r="Q891" s="19">
        <v>1909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24</v>
      </c>
      <c r="G892" s="21">
        <v>2736</v>
      </c>
      <c r="H892" s="21">
        <v>22</v>
      </c>
      <c r="I892" s="21">
        <v>2371</v>
      </c>
      <c r="J892" s="21">
        <v>2</v>
      </c>
      <c r="K892" s="21">
        <v>365</v>
      </c>
      <c r="L892" s="21">
        <v>0</v>
      </c>
      <c r="M892" s="21">
        <v>0</v>
      </c>
      <c r="N892" s="21">
        <v>0</v>
      </c>
      <c r="O892" s="21">
        <v>0</v>
      </c>
      <c r="P892" s="21">
        <v>2</v>
      </c>
      <c r="Q892" s="21">
        <v>365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24</v>
      </c>
      <c r="G893" s="16">
        <v>2736</v>
      </c>
      <c r="H893" s="16">
        <v>22</v>
      </c>
      <c r="I893" s="16">
        <v>2371</v>
      </c>
      <c r="J893" s="16">
        <v>2</v>
      </c>
      <c r="K893" s="16">
        <v>365</v>
      </c>
      <c r="L893" s="16">
        <v>0</v>
      </c>
      <c r="M893" s="16">
        <v>0</v>
      </c>
      <c r="N893" s="16">
        <v>0</v>
      </c>
      <c r="O893" s="16">
        <v>0</v>
      </c>
      <c r="P893" s="16">
        <v>2</v>
      </c>
      <c r="Q893" s="16">
        <v>365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78</v>
      </c>
      <c r="G896" s="21">
        <v>3274</v>
      </c>
      <c r="H896" s="21">
        <v>31</v>
      </c>
      <c r="I896" s="21">
        <v>1365</v>
      </c>
      <c r="J896" s="21">
        <v>47</v>
      </c>
      <c r="K896" s="21">
        <v>1909</v>
      </c>
      <c r="L896" s="21">
        <v>0</v>
      </c>
      <c r="M896" s="21">
        <v>0</v>
      </c>
      <c r="N896" s="21">
        <v>0</v>
      </c>
      <c r="O896" s="21">
        <v>0</v>
      </c>
      <c r="P896" s="21">
        <v>47</v>
      </c>
      <c r="Q896" s="21">
        <v>1909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0</v>
      </c>
      <c r="G898" s="16">
        <v>0</v>
      </c>
      <c r="H898" s="16">
        <v>0</v>
      </c>
      <c r="I898" s="16">
        <v>0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78</v>
      </c>
      <c r="G899" s="19">
        <v>3274</v>
      </c>
      <c r="H899" s="19">
        <v>31</v>
      </c>
      <c r="I899" s="19">
        <v>1365</v>
      </c>
      <c r="J899" s="19">
        <v>47</v>
      </c>
      <c r="K899" s="19">
        <v>1909</v>
      </c>
      <c r="L899" s="19">
        <v>0</v>
      </c>
      <c r="M899" s="19">
        <v>0</v>
      </c>
      <c r="N899" s="19">
        <v>0</v>
      </c>
      <c r="O899" s="19">
        <v>0</v>
      </c>
      <c r="P899" s="19">
        <v>47</v>
      </c>
      <c r="Q899" s="19">
        <v>1909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11</v>
      </c>
      <c r="G904" s="21">
        <v>1108</v>
      </c>
      <c r="H904" s="21">
        <v>10</v>
      </c>
      <c r="I904" s="21">
        <v>1007</v>
      </c>
      <c r="J904" s="21">
        <v>1</v>
      </c>
      <c r="K904" s="21">
        <v>101</v>
      </c>
      <c r="L904" s="21">
        <v>0</v>
      </c>
      <c r="M904" s="21">
        <v>0</v>
      </c>
      <c r="N904" s="21">
        <v>0</v>
      </c>
      <c r="O904" s="21">
        <v>0</v>
      </c>
      <c r="P904" s="21">
        <v>0</v>
      </c>
      <c r="Q904" s="21">
        <v>0</v>
      </c>
      <c r="R904" s="21">
        <v>0</v>
      </c>
      <c r="S904" s="21">
        <v>0</v>
      </c>
      <c r="T904" s="21">
        <v>1</v>
      </c>
      <c r="U904" s="21">
        <v>101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11</v>
      </c>
      <c r="G905" s="16">
        <v>1108</v>
      </c>
      <c r="H905" s="16">
        <v>10</v>
      </c>
      <c r="I905" s="16">
        <v>1007</v>
      </c>
      <c r="J905" s="16">
        <v>1</v>
      </c>
      <c r="K905" s="16">
        <v>101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1</v>
      </c>
      <c r="U905" s="16">
        <v>101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35</v>
      </c>
      <c r="G908" s="21">
        <v>3320</v>
      </c>
      <c r="H908" s="21">
        <v>35</v>
      </c>
      <c r="I908" s="21">
        <v>3320</v>
      </c>
      <c r="J908" s="21">
        <v>0</v>
      </c>
      <c r="K908" s="21">
        <v>0</v>
      </c>
      <c r="L908" s="21">
        <v>0</v>
      </c>
      <c r="M908" s="21">
        <v>0</v>
      </c>
      <c r="N908" s="21">
        <v>0</v>
      </c>
      <c r="O908" s="21">
        <v>0</v>
      </c>
      <c r="P908" s="21">
        <v>0</v>
      </c>
      <c r="Q908" s="21">
        <v>0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26</v>
      </c>
      <c r="G909" s="16">
        <v>2642</v>
      </c>
      <c r="H909" s="16">
        <v>26</v>
      </c>
      <c r="I909" s="16">
        <v>2642</v>
      </c>
      <c r="J909" s="16">
        <v>0</v>
      </c>
      <c r="K909" s="16">
        <v>0</v>
      </c>
      <c r="L909" s="16">
        <v>0</v>
      </c>
      <c r="M909" s="16">
        <v>0</v>
      </c>
      <c r="N909" s="16">
        <v>0</v>
      </c>
      <c r="O909" s="16">
        <v>0</v>
      </c>
      <c r="P909" s="16">
        <v>0</v>
      </c>
      <c r="Q909" s="16">
        <v>0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0</v>
      </c>
      <c r="G910" s="16">
        <v>0</v>
      </c>
      <c r="H910" s="16">
        <v>0</v>
      </c>
      <c r="I910" s="16">
        <v>0</v>
      </c>
      <c r="J910" s="16">
        <v>0</v>
      </c>
      <c r="K910" s="16">
        <v>0</v>
      </c>
      <c r="L910" s="16">
        <v>0</v>
      </c>
      <c r="M910" s="16">
        <v>0</v>
      </c>
      <c r="N910" s="16">
        <v>0</v>
      </c>
      <c r="O910" s="16">
        <v>0</v>
      </c>
      <c r="P910" s="16">
        <v>0</v>
      </c>
      <c r="Q910" s="16">
        <v>0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9</v>
      </c>
      <c r="G911" s="19">
        <v>678</v>
      </c>
      <c r="H911" s="19">
        <v>9</v>
      </c>
      <c r="I911" s="19">
        <v>678</v>
      </c>
      <c r="J911" s="19">
        <v>0</v>
      </c>
      <c r="K911" s="19">
        <v>0</v>
      </c>
      <c r="L911" s="19">
        <v>0</v>
      </c>
      <c r="M911" s="19">
        <v>0</v>
      </c>
      <c r="N911" s="19">
        <v>0</v>
      </c>
      <c r="O911" s="19">
        <v>0</v>
      </c>
      <c r="P911" s="19">
        <v>0</v>
      </c>
      <c r="Q911" s="19">
        <v>0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13</v>
      </c>
      <c r="G912" s="21">
        <v>1467</v>
      </c>
      <c r="H912" s="21">
        <v>13</v>
      </c>
      <c r="I912" s="21">
        <v>1467</v>
      </c>
      <c r="J912" s="21">
        <v>0</v>
      </c>
      <c r="K912" s="21">
        <v>0</v>
      </c>
      <c r="L912" s="21">
        <v>0</v>
      </c>
      <c r="M912" s="21">
        <v>0</v>
      </c>
      <c r="N912" s="21">
        <v>0</v>
      </c>
      <c r="O912" s="21">
        <v>0</v>
      </c>
      <c r="P912" s="21">
        <v>0</v>
      </c>
      <c r="Q912" s="21">
        <v>0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13</v>
      </c>
      <c r="G913" s="16">
        <v>1467</v>
      </c>
      <c r="H913" s="16">
        <v>13</v>
      </c>
      <c r="I913" s="16">
        <v>1467</v>
      </c>
      <c r="J913" s="16">
        <v>0</v>
      </c>
      <c r="K913" s="16">
        <v>0</v>
      </c>
      <c r="L913" s="16">
        <v>0</v>
      </c>
      <c r="M913" s="16">
        <v>0</v>
      </c>
      <c r="N913" s="16">
        <v>0</v>
      </c>
      <c r="O913" s="16">
        <v>0</v>
      </c>
      <c r="P913" s="16">
        <v>0</v>
      </c>
      <c r="Q913" s="16">
        <v>0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9</v>
      </c>
      <c r="G916" s="21">
        <v>678</v>
      </c>
      <c r="H916" s="21">
        <v>9</v>
      </c>
      <c r="I916" s="21">
        <v>678</v>
      </c>
      <c r="J916" s="21">
        <v>0</v>
      </c>
      <c r="K916" s="21">
        <v>0</v>
      </c>
      <c r="L916" s="21">
        <v>0</v>
      </c>
      <c r="M916" s="21">
        <v>0</v>
      </c>
      <c r="N916" s="21">
        <v>0</v>
      </c>
      <c r="O916" s="21">
        <v>0</v>
      </c>
      <c r="P916" s="21">
        <v>0</v>
      </c>
      <c r="Q916" s="21">
        <v>0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0</v>
      </c>
      <c r="G918" s="16">
        <v>0</v>
      </c>
      <c r="H918" s="16">
        <v>0</v>
      </c>
      <c r="I918" s="16">
        <v>0</v>
      </c>
      <c r="J918" s="16">
        <v>0</v>
      </c>
      <c r="K918" s="16">
        <v>0</v>
      </c>
      <c r="L918" s="16">
        <v>0</v>
      </c>
      <c r="M918" s="16">
        <v>0</v>
      </c>
      <c r="N918" s="16">
        <v>0</v>
      </c>
      <c r="O918" s="16">
        <v>0</v>
      </c>
      <c r="P918" s="16">
        <v>0</v>
      </c>
      <c r="Q918" s="16">
        <v>0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9</v>
      </c>
      <c r="G919" s="19">
        <v>678</v>
      </c>
      <c r="H919" s="19">
        <v>9</v>
      </c>
      <c r="I919" s="19">
        <v>678</v>
      </c>
      <c r="J919" s="19">
        <v>0</v>
      </c>
      <c r="K919" s="19">
        <v>0</v>
      </c>
      <c r="L919" s="19">
        <v>0</v>
      </c>
      <c r="M919" s="19">
        <v>0</v>
      </c>
      <c r="N919" s="19">
        <v>0</v>
      </c>
      <c r="O919" s="19">
        <v>0</v>
      </c>
      <c r="P919" s="19">
        <v>0</v>
      </c>
      <c r="Q919" s="19">
        <v>0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13</v>
      </c>
      <c r="G924" s="21">
        <v>1175</v>
      </c>
      <c r="H924" s="21">
        <v>13</v>
      </c>
      <c r="I924" s="21">
        <v>1175</v>
      </c>
      <c r="J924" s="21">
        <v>0</v>
      </c>
      <c r="K924" s="21">
        <v>0</v>
      </c>
      <c r="L924" s="21">
        <v>0</v>
      </c>
      <c r="M924" s="21">
        <v>0</v>
      </c>
      <c r="N924" s="21">
        <v>0</v>
      </c>
      <c r="O924" s="21">
        <v>0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13</v>
      </c>
      <c r="G925" s="16">
        <v>1175</v>
      </c>
      <c r="H925" s="16">
        <v>13</v>
      </c>
      <c r="I925" s="16">
        <v>1175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37</v>
      </c>
      <c r="G928" s="21">
        <v>2782</v>
      </c>
      <c r="H928" s="21">
        <v>18</v>
      </c>
      <c r="I928" s="21">
        <v>1749</v>
      </c>
      <c r="J928" s="21">
        <v>19</v>
      </c>
      <c r="K928" s="21">
        <v>1033</v>
      </c>
      <c r="L928" s="21">
        <v>0</v>
      </c>
      <c r="M928" s="21">
        <v>0</v>
      </c>
      <c r="N928" s="21">
        <v>0</v>
      </c>
      <c r="O928" s="21">
        <v>0</v>
      </c>
      <c r="P928" s="21">
        <v>19</v>
      </c>
      <c r="Q928" s="21">
        <v>1033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19</v>
      </c>
      <c r="G929" s="16">
        <v>1851</v>
      </c>
      <c r="H929" s="16">
        <v>18</v>
      </c>
      <c r="I929" s="16">
        <v>1749</v>
      </c>
      <c r="J929" s="16">
        <v>1</v>
      </c>
      <c r="K929" s="16">
        <v>102</v>
      </c>
      <c r="L929" s="16">
        <v>0</v>
      </c>
      <c r="M929" s="16">
        <v>0</v>
      </c>
      <c r="N929" s="16">
        <v>0</v>
      </c>
      <c r="O929" s="16">
        <v>0</v>
      </c>
      <c r="P929" s="16">
        <v>1</v>
      </c>
      <c r="Q929" s="16">
        <v>102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2</v>
      </c>
      <c r="G930" s="16">
        <v>72</v>
      </c>
      <c r="H930" s="16">
        <v>0</v>
      </c>
      <c r="I930" s="16">
        <v>0</v>
      </c>
      <c r="J930" s="16">
        <v>2</v>
      </c>
      <c r="K930" s="16">
        <v>72</v>
      </c>
      <c r="L930" s="16">
        <v>0</v>
      </c>
      <c r="M930" s="16">
        <v>0</v>
      </c>
      <c r="N930" s="16">
        <v>0</v>
      </c>
      <c r="O930" s="16">
        <v>0</v>
      </c>
      <c r="P930" s="16">
        <v>2</v>
      </c>
      <c r="Q930" s="16">
        <v>72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16</v>
      </c>
      <c r="G931" s="19">
        <v>859</v>
      </c>
      <c r="H931" s="19">
        <v>0</v>
      </c>
      <c r="I931" s="19">
        <v>0</v>
      </c>
      <c r="J931" s="19">
        <v>16</v>
      </c>
      <c r="K931" s="19">
        <v>859</v>
      </c>
      <c r="L931" s="19">
        <v>0</v>
      </c>
      <c r="M931" s="19">
        <v>0</v>
      </c>
      <c r="N931" s="19">
        <v>0</v>
      </c>
      <c r="O931" s="19">
        <v>0</v>
      </c>
      <c r="P931" s="19">
        <v>16</v>
      </c>
      <c r="Q931" s="19">
        <v>859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11</v>
      </c>
      <c r="G932" s="21">
        <v>1044</v>
      </c>
      <c r="H932" s="21">
        <v>10</v>
      </c>
      <c r="I932" s="21">
        <v>942</v>
      </c>
      <c r="J932" s="21">
        <v>1</v>
      </c>
      <c r="K932" s="21">
        <v>102</v>
      </c>
      <c r="L932" s="21">
        <v>0</v>
      </c>
      <c r="M932" s="21">
        <v>0</v>
      </c>
      <c r="N932" s="21">
        <v>0</v>
      </c>
      <c r="O932" s="21">
        <v>0</v>
      </c>
      <c r="P932" s="21">
        <v>1</v>
      </c>
      <c r="Q932" s="21">
        <v>102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11</v>
      </c>
      <c r="G933" s="16">
        <v>1044</v>
      </c>
      <c r="H933" s="16">
        <v>10</v>
      </c>
      <c r="I933" s="16">
        <v>942</v>
      </c>
      <c r="J933" s="16">
        <v>1</v>
      </c>
      <c r="K933" s="16">
        <v>102</v>
      </c>
      <c r="L933" s="16">
        <v>0</v>
      </c>
      <c r="M933" s="16">
        <v>0</v>
      </c>
      <c r="N933" s="16">
        <v>0</v>
      </c>
      <c r="O933" s="16">
        <v>0</v>
      </c>
      <c r="P933" s="16">
        <v>1</v>
      </c>
      <c r="Q933" s="16">
        <v>102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18</v>
      </c>
      <c r="G936" s="21">
        <v>931</v>
      </c>
      <c r="H936" s="21">
        <v>0</v>
      </c>
      <c r="I936" s="21">
        <v>0</v>
      </c>
      <c r="J936" s="21">
        <v>18</v>
      </c>
      <c r="K936" s="21">
        <v>931</v>
      </c>
      <c r="L936" s="21">
        <v>0</v>
      </c>
      <c r="M936" s="21">
        <v>0</v>
      </c>
      <c r="N936" s="21">
        <v>0</v>
      </c>
      <c r="O936" s="21">
        <v>0</v>
      </c>
      <c r="P936" s="21">
        <v>18</v>
      </c>
      <c r="Q936" s="21">
        <v>931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2</v>
      </c>
      <c r="G938" s="16">
        <v>72</v>
      </c>
      <c r="H938" s="16">
        <v>0</v>
      </c>
      <c r="I938" s="16">
        <v>0</v>
      </c>
      <c r="J938" s="16">
        <v>2</v>
      </c>
      <c r="K938" s="16">
        <v>72</v>
      </c>
      <c r="L938" s="16">
        <v>0</v>
      </c>
      <c r="M938" s="16">
        <v>0</v>
      </c>
      <c r="N938" s="16">
        <v>0</v>
      </c>
      <c r="O938" s="16">
        <v>0</v>
      </c>
      <c r="P938" s="16">
        <v>2</v>
      </c>
      <c r="Q938" s="16">
        <v>72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16</v>
      </c>
      <c r="G939" s="19">
        <v>859</v>
      </c>
      <c r="H939" s="19">
        <v>0</v>
      </c>
      <c r="I939" s="19">
        <v>0</v>
      </c>
      <c r="J939" s="19">
        <v>16</v>
      </c>
      <c r="K939" s="19">
        <v>859</v>
      </c>
      <c r="L939" s="19">
        <v>0</v>
      </c>
      <c r="M939" s="19">
        <v>0</v>
      </c>
      <c r="N939" s="19">
        <v>0</v>
      </c>
      <c r="O939" s="19">
        <v>0</v>
      </c>
      <c r="P939" s="19">
        <v>16</v>
      </c>
      <c r="Q939" s="19">
        <v>859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8</v>
      </c>
      <c r="G944" s="21">
        <v>807</v>
      </c>
      <c r="H944" s="21">
        <v>8</v>
      </c>
      <c r="I944" s="21">
        <v>807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8</v>
      </c>
      <c r="G945" s="16">
        <v>807</v>
      </c>
      <c r="H945" s="16">
        <v>8</v>
      </c>
      <c r="I945" s="16">
        <v>807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97</v>
      </c>
      <c r="G948" s="21">
        <v>7007</v>
      </c>
      <c r="H948" s="21">
        <v>46</v>
      </c>
      <c r="I948" s="21">
        <v>3884</v>
      </c>
      <c r="J948" s="21">
        <v>51</v>
      </c>
      <c r="K948" s="21">
        <v>3123</v>
      </c>
      <c r="L948" s="21">
        <v>0</v>
      </c>
      <c r="M948" s="21">
        <v>0</v>
      </c>
      <c r="N948" s="21">
        <v>0</v>
      </c>
      <c r="O948" s="21">
        <v>0</v>
      </c>
      <c r="P948" s="21">
        <v>51</v>
      </c>
      <c r="Q948" s="21">
        <v>3123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36</v>
      </c>
      <c r="G949" s="16">
        <v>4028</v>
      </c>
      <c r="H949" s="16">
        <v>28</v>
      </c>
      <c r="I949" s="16">
        <v>3040</v>
      </c>
      <c r="J949" s="16">
        <v>8</v>
      </c>
      <c r="K949" s="16">
        <v>988</v>
      </c>
      <c r="L949" s="16">
        <v>0</v>
      </c>
      <c r="M949" s="16">
        <v>0</v>
      </c>
      <c r="N949" s="16">
        <v>0</v>
      </c>
      <c r="O949" s="16">
        <v>0</v>
      </c>
      <c r="P949" s="16">
        <v>8</v>
      </c>
      <c r="Q949" s="16">
        <v>988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0</v>
      </c>
      <c r="G950" s="16">
        <v>0</v>
      </c>
      <c r="H950" s="16">
        <v>0</v>
      </c>
      <c r="I950" s="16">
        <v>0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61</v>
      </c>
      <c r="G951" s="19">
        <v>2979</v>
      </c>
      <c r="H951" s="19">
        <v>18</v>
      </c>
      <c r="I951" s="19">
        <v>844</v>
      </c>
      <c r="J951" s="19">
        <v>43</v>
      </c>
      <c r="K951" s="19">
        <v>2135</v>
      </c>
      <c r="L951" s="19">
        <v>0</v>
      </c>
      <c r="M951" s="19">
        <v>0</v>
      </c>
      <c r="N951" s="19">
        <v>0</v>
      </c>
      <c r="O951" s="19">
        <v>0</v>
      </c>
      <c r="P951" s="19">
        <v>43</v>
      </c>
      <c r="Q951" s="19">
        <v>2135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27</v>
      </c>
      <c r="G952" s="21">
        <v>3122</v>
      </c>
      <c r="H952" s="21">
        <v>20</v>
      </c>
      <c r="I952" s="21">
        <v>2237</v>
      </c>
      <c r="J952" s="21">
        <v>7</v>
      </c>
      <c r="K952" s="21">
        <v>885</v>
      </c>
      <c r="L952" s="21">
        <v>0</v>
      </c>
      <c r="M952" s="21">
        <v>0</v>
      </c>
      <c r="N952" s="21">
        <v>0</v>
      </c>
      <c r="O952" s="21">
        <v>0</v>
      </c>
      <c r="P952" s="21">
        <v>7</v>
      </c>
      <c r="Q952" s="21">
        <v>885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27</v>
      </c>
      <c r="G953" s="16">
        <v>3122</v>
      </c>
      <c r="H953" s="16">
        <v>20</v>
      </c>
      <c r="I953" s="16">
        <v>2237</v>
      </c>
      <c r="J953" s="16">
        <v>7</v>
      </c>
      <c r="K953" s="16">
        <v>885</v>
      </c>
      <c r="L953" s="16">
        <v>0</v>
      </c>
      <c r="M953" s="16">
        <v>0</v>
      </c>
      <c r="N953" s="16">
        <v>0</v>
      </c>
      <c r="O953" s="16">
        <v>0</v>
      </c>
      <c r="P953" s="16">
        <v>7</v>
      </c>
      <c r="Q953" s="16">
        <v>885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61</v>
      </c>
      <c r="G956" s="21">
        <v>2979</v>
      </c>
      <c r="H956" s="21">
        <v>18</v>
      </c>
      <c r="I956" s="21">
        <v>844</v>
      </c>
      <c r="J956" s="21">
        <v>43</v>
      </c>
      <c r="K956" s="21">
        <v>2135</v>
      </c>
      <c r="L956" s="21">
        <v>0</v>
      </c>
      <c r="M956" s="21">
        <v>0</v>
      </c>
      <c r="N956" s="21">
        <v>0</v>
      </c>
      <c r="O956" s="21">
        <v>0</v>
      </c>
      <c r="P956" s="21">
        <v>43</v>
      </c>
      <c r="Q956" s="21">
        <v>2135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0</v>
      </c>
      <c r="G958" s="16">
        <v>0</v>
      </c>
      <c r="H958" s="16">
        <v>0</v>
      </c>
      <c r="I958" s="16">
        <v>0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61</v>
      </c>
      <c r="G959" s="19">
        <v>2979</v>
      </c>
      <c r="H959" s="19">
        <v>18</v>
      </c>
      <c r="I959" s="19">
        <v>844</v>
      </c>
      <c r="J959" s="19">
        <v>43</v>
      </c>
      <c r="K959" s="19">
        <v>2135</v>
      </c>
      <c r="L959" s="19">
        <v>0</v>
      </c>
      <c r="M959" s="19">
        <v>0</v>
      </c>
      <c r="N959" s="19">
        <v>0</v>
      </c>
      <c r="O959" s="19">
        <v>0</v>
      </c>
      <c r="P959" s="19">
        <v>43</v>
      </c>
      <c r="Q959" s="19">
        <v>2135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9</v>
      </c>
      <c r="G964" s="21">
        <v>906</v>
      </c>
      <c r="H964" s="21">
        <v>8</v>
      </c>
      <c r="I964" s="21">
        <v>803</v>
      </c>
      <c r="J964" s="21">
        <v>1</v>
      </c>
      <c r="K964" s="21">
        <v>103</v>
      </c>
      <c r="L964" s="21">
        <v>0</v>
      </c>
      <c r="M964" s="21">
        <v>0</v>
      </c>
      <c r="N964" s="21">
        <v>0</v>
      </c>
      <c r="O964" s="21">
        <v>0</v>
      </c>
      <c r="P964" s="21">
        <v>1</v>
      </c>
      <c r="Q964" s="21">
        <v>103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9</v>
      </c>
      <c r="G965" s="16">
        <v>906</v>
      </c>
      <c r="H965" s="16">
        <v>8</v>
      </c>
      <c r="I965" s="16">
        <v>803</v>
      </c>
      <c r="J965" s="16">
        <v>1</v>
      </c>
      <c r="K965" s="16">
        <v>103</v>
      </c>
      <c r="L965" s="16">
        <v>0</v>
      </c>
      <c r="M965" s="16">
        <v>0</v>
      </c>
      <c r="N965" s="16">
        <v>0</v>
      </c>
      <c r="O965" s="16">
        <v>0</v>
      </c>
      <c r="P965" s="16">
        <v>1</v>
      </c>
      <c r="Q965" s="16">
        <v>103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59</v>
      </c>
      <c r="G968" s="21">
        <v>4689</v>
      </c>
      <c r="H968" s="21">
        <v>41</v>
      </c>
      <c r="I968" s="21">
        <v>3699</v>
      </c>
      <c r="J968" s="21">
        <v>18</v>
      </c>
      <c r="K968" s="21">
        <v>990</v>
      </c>
      <c r="L968" s="21">
        <v>0</v>
      </c>
      <c r="M968" s="21">
        <v>0</v>
      </c>
      <c r="N968" s="21">
        <v>9</v>
      </c>
      <c r="O968" s="21">
        <v>404</v>
      </c>
      <c r="P968" s="21">
        <v>9</v>
      </c>
      <c r="Q968" s="21">
        <v>586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34</v>
      </c>
      <c r="G969" s="16">
        <v>3627</v>
      </c>
      <c r="H969" s="16">
        <v>31</v>
      </c>
      <c r="I969" s="16">
        <v>3276</v>
      </c>
      <c r="J969" s="16">
        <v>3</v>
      </c>
      <c r="K969" s="16">
        <v>351</v>
      </c>
      <c r="L969" s="16">
        <v>0</v>
      </c>
      <c r="M969" s="16">
        <v>0</v>
      </c>
      <c r="N969" s="16">
        <v>0</v>
      </c>
      <c r="O969" s="16">
        <v>0</v>
      </c>
      <c r="P969" s="16">
        <v>3</v>
      </c>
      <c r="Q969" s="16">
        <v>351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2</v>
      </c>
      <c r="G970" s="16">
        <v>52</v>
      </c>
      <c r="H970" s="16">
        <v>0</v>
      </c>
      <c r="I970" s="16">
        <v>0</v>
      </c>
      <c r="J970" s="16">
        <v>2</v>
      </c>
      <c r="K970" s="16">
        <v>52</v>
      </c>
      <c r="L970" s="16">
        <v>0</v>
      </c>
      <c r="M970" s="16">
        <v>0</v>
      </c>
      <c r="N970" s="16">
        <v>0</v>
      </c>
      <c r="O970" s="16">
        <v>0</v>
      </c>
      <c r="P970" s="16">
        <v>2</v>
      </c>
      <c r="Q970" s="16">
        <v>52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23</v>
      </c>
      <c r="G971" s="19">
        <v>1010</v>
      </c>
      <c r="H971" s="19">
        <v>10</v>
      </c>
      <c r="I971" s="19">
        <v>423</v>
      </c>
      <c r="J971" s="19">
        <v>13</v>
      </c>
      <c r="K971" s="19">
        <v>587</v>
      </c>
      <c r="L971" s="19">
        <v>0</v>
      </c>
      <c r="M971" s="19">
        <v>0</v>
      </c>
      <c r="N971" s="19">
        <v>9</v>
      </c>
      <c r="O971" s="19">
        <v>404</v>
      </c>
      <c r="P971" s="19">
        <v>4</v>
      </c>
      <c r="Q971" s="19">
        <v>183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18</v>
      </c>
      <c r="G972" s="21">
        <v>2021</v>
      </c>
      <c r="H972" s="21">
        <v>15</v>
      </c>
      <c r="I972" s="21">
        <v>1670</v>
      </c>
      <c r="J972" s="21">
        <v>3</v>
      </c>
      <c r="K972" s="21">
        <v>351</v>
      </c>
      <c r="L972" s="21">
        <v>0</v>
      </c>
      <c r="M972" s="21">
        <v>0</v>
      </c>
      <c r="N972" s="21">
        <v>0</v>
      </c>
      <c r="O972" s="21">
        <v>0</v>
      </c>
      <c r="P972" s="21">
        <v>3</v>
      </c>
      <c r="Q972" s="21">
        <v>351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18</v>
      </c>
      <c r="G973" s="16">
        <v>2021</v>
      </c>
      <c r="H973" s="16">
        <v>15</v>
      </c>
      <c r="I973" s="16">
        <v>1670</v>
      </c>
      <c r="J973" s="16">
        <v>3</v>
      </c>
      <c r="K973" s="16">
        <v>351</v>
      </c>
      <c r="L973" s="16">
        <v>0</v>
      </c>
      <c r="M973" s="16">
        <v>0</v>
      </c>
      <c r="N973" s="16">
        <v>0</v>
      </c>
      <c r="O973" s="16">
        <v>0</v>
      </c>
      <c r="P973" s="16">
        <v>3</v>
      </c>
      <c r="Q973" s="16">
        <v>351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25</v>
      </c>
      <c r="G976" s="21">
        <v>1062</v>
      </c>
      <c r="H976" s="21">
        <v>10</v>
      </c>
      <c r="I976" s="21">
        <v>423</v>
      </c>
      <c r="J976" s="21">
        <v>15</v>
      </c>
      <c r="K976" s="21">
        <v>639</v>
      </c>
      <c r="L976" s="21">
        <v>0</v>
      </c>
      <c r="M976" s="21">
        <v>0</v>
      </c>
      <c r="N976" s="21">
        <v>9</v>
      </c>
      <c r="O976" s="21">
        <v>404</v>
      </c>
      <c r="P976" s="21">
        <v>6</v>
      </c>
      <c r="Q976" s="21">
        <v>235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2</v>
      </c>
      <c r="G978" s="16">
        <v>52</v>
      </c>
      <c r="H978" s="16">
        <v>0</v>
      </c>
      <c r="I978" s="16">
        <v>0</v>
      </c>
      <c r="J978" s="16">
        <v>2</v>
      </c>
      <c r="K978" s="16">
        <v>52</v>
      </c>
      <c r="L978" s="16">
        <v>0</v>
      </c>
      <c r="M978" s="16">
        <v>0</v>
      </c>
      <c r="N978" s="16">
        <v>0</v>
      </c>
      <c r="O978" s="16">
        <v>0</v>
      </c>
      <c r="P978" s="16">
        <v>2</v>
      </c>
      <c r="Q978" s="16">
        <v>52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23</v>
      </c>
      <c r="G979" s="19">
        <v>1010</v>
      </c>
      <c r="H979" s="19">
        <v>10</v>
      </c>
      <c r="I979" s="19">
        <v>423</v>
      </c>
      <c r="J979" s="19">
        <v>13</v>
      </c>
      <c r="K979" s="19">
        <v>587</v>
      </c>
      <c r="L979" s="19">
        <v>0</v>
      </c>
      <c r="M979" s="19">
        <v>0</v>
      </c>
      <c r="N979" s="19">
        <v>9</v>
      </c>
      <c r="O979" s="19">
        <v>404</v>
      </c>
      <c r="P979" s="19">
        <v>4</v>
      </c>
      <c r="Q979" s="19">
        <v>183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16</v>
      </c>
      <c r="G984" s="21">
        <v>1606</v>
      </c>
      <c r="H984" s="21">
        <v>16</v>
      </c>
      <c r="I984" s="21">
        <v>1606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16</v>
      </c>
      <c r="G985" s="16">
        <v>1606</v>
      </c>
      <c r="H985" s="16">
        <v>16</v>
      </c>
      <c r="I985" s="16">
        <v>1606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25</v>
      </c>
      <c r="G988" s="21">
        <v>2642</v>
      </c>
      <c r="H988" s="21">
        <v>25</v>
      </c>
      <c r="I988" s="21">
        <v>2642</v>
      </c>
      <c r="J988" s="21">
        <v>0</v>
      </c>
      <c r="K988" s="21">
        <v>0</v>
      </c>
      <c r="L988" s="21">
        <v>0</v>
      </c>
      <c r="M988" s="21">
        <v>0</v>
      </c>
      <c r="N988" s="21">
        <v>0</v>
      </c>
      <c r="O988" s="21">
        <v>0</v>
      </c>
      <c r="P988" s="21">
        <v>0</v>
      </c>
      <c r="Q988" s="21">
        <v>0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23</v>
      </c>
      <c r="G989" s="16">
        <v>2478</v>
      </c>
      <c r="H989" s="16">
        <v>23</v>
      </c>
      <c r="I989" s="16">
        <v>2478</v>
      </c>
      <c r="J989" s="16">
        <v>0</v>
      </c>
      <c r="K989" s="16">
        <v>0</v>
      </c>
      <c r="L989" s="16">
        <v>0</v>
      </c>
      <c r="M989" s="16">
        <v>0</v>
      </c>
      <c r="N989" s="16">
        <v>0</v>
      </c>
      <c r="O989" s="16">
        <v>0</v>
      </c>
      <c r="P989" s="16">
        <v>0</v>
      </c>
      <c r="Q989" s="16">
        <v>0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2</v>
      </c>
      <c r="G991" s="19">
        <v>164</v>
      </c>
      <c r="H991" s="19">
        <v>2</v>
      </c>
      <c r="I991" s="19">
        <v>164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9</v>
      </c>
      <c r="G992" s="21">
        <v>1067</v>
      </c>
      <c r="H992" s="21">
        <v>9</v>
      </c>
      <c r="I992" s="21">
        <v>1067</v>
      </c>
      <c r="J992" s="21">
        <v>0</v>
      </c>
      <c r="K992" s="21">
        <v>0</v>
      </c>
      <c r="L992" s="21">
        <v>0</v>
      </c>
      <c r="M992" s="21">
        <v>0</v>
      </c>
      <c r="N992" s="21">
        <v>0</v>
      </c>
      <c r="O992" s="21">
        <v>0</v>
      </c>
      <c r="P992" s="21">
        <v>0</v>
      </c>
      <c r="Q992" s="21">
        <v>0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9</v>
      </c>
      <c r="G993" s="16">
        <v>1067</v>
      </c>
      <c r="H993" s="16">
        <v>9</v>
      </c>
      <c r="I993" s="16">
        <v>1067</v>
      </c>
      <c r="J993" s="16">
        <v>0</v>
      </c>
      <c r="K993" s="16">
        <v>0</v>
      </c>
      <c r="L993" s="16">
        <v>0</v>
      </c>
      <c r="M993" s="16">
        <v>0</v>
      </c>
      <c r="N993" s="16">
        <v>0</v>
      </c>
      <c r="O993" s="16">
        <v>0</v>
      </c>
      <c r="P993" s="16">
        <v>0</v>
      </c>
      <c r="Q993" s="16">
        <v>0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2</v>
      </c>
      <c r="G996" s="21">
        <v>164</v>
      </c>
      <c r="H996" s="21">
        <v>2</v>
      </c>
      <c r="I996" s="21">
        <v>164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2</v>
      </c>
      <c r="G999" s="19">
        <v>164</v>
      </c>
      <c r="H999" s="19">
        <v>2</v>
      </c>
      <c r="I999" s="19">
        <v>164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14</v>
      </c>
      <c r="G1004" s="21">
        <v>1411</v>
      </c>
      <c r="H1004" s="21">
        <v>14</v>
      </c>
      <c r="I1004" s="21">
        <v>1411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14</v>
      </c>
      <c r="G1005" s="16">
        <v>1411</v>
      </c>
      <c r="H1005" s="16">
        <v>14</v>
      </c>
      <c r="I1005" s="16">
        <v>1411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35</v>
      </c>
      <c r="G1008" s="21">
        <v>3671</v>
      </c>
      <c r="H1008" s="21">
        <v>33</v>
      </c>
      <c r="I1008" s="21">
        <v>3373</v>
      </c>
      <c r="J1008" s="21">
        <v>2</v>
      </c>
      <c r="K1008" s="21">
        <v>298</v>
      </c>
      <c r="L1008" s="21">
        <v>0</v>
      </c>
      <c r="M1008" s="21">
        <v>0</v>
      </c>
      <c r="N1008" s="21">
        <v>0</v>
      </c>
      <c r="O1008" s="21">
        <v>0</v>
      </c>
      <c r="P1008" s="21">
        <v>2</v>
      </c>
      <c r="Q1008" s="21">
        <v>298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35</v>
      </c>
      <c r="G1009" s="16">
        <v>3671</v>
      </c>
      <c r="H1009" s="16">
        <v>33</v>
      </c>
      <c r="I1009" s="16">
        <v>3373</v>
      </c>
      <c r="J1009" s="16">
        <v>2</v>
      </c>
      <c r="K1009" s="16">
        <v>298</v>
      </c>
      <c r="L1009" s="16">
        <v>0</v>
      </c>
      <c r="M1009" s="16">
        <v>0</v>
      </c>
      <c r="N1009" s="16">
        <v>0</v>
      </c>
      <c r="O1009" s="16">
        <v>0</v>
      </c>
      <c r="P1009" s="16">
        <v>2</v>
      </c>
      <c r="Q1009" s="16">
        <v>298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0</v>
      </c>
      <c r="G1011" s="19">
        <v>0</v>
      </c>
      <c r="H1011" s="19">
        <v>0</v>
      </c>
      <c r="I1011" s="19">
        <v>0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20</v>
      </c>
      <c r="G1012" s="21">
        <v>2234</v>
      </c>
      <c r="H1012" s="21">
        <v>18</v>
      </c>
      <c r="I1012" s="21">
        <v>1936</v>
      </c>
      <c r="J1012" s="21">
        <v>2</v>
      </c>
      <c r="K1012" s="21">
        <v>298</v>
      </c>
      <c r="L1012" s="21">
        <v>0</v>
      </c>
      <c r="M1012" s="21">
        <v>0</v>
      </c>
      <c r="N1012" s="21">
        <v>0</v>
      </c>
      <c r="O1012" s="21">
        <v>0</v>
      </c>
      <c r="P1012" s="21">
        <v>2</v>
      </c>
      <c r="Q1012" s="21">
        <v>298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20</v>
      </c>
      <c r="G1013" s="16">
        <v>2234</v>
      </c>
      <c r="H1013" s="16">
        <v>18</v>
      </c>
      <c r="I1013" s="16">
        <v>1936</v>
      </c>
      <c r="J1013" s="16">
        <v>2</v>
      </c>
      <c r="K1013" s="16">
        <v>298</v>
      </c>
      <c r="L1013" s="16">
        <v>0</v>
      </c>
      <c r="M1013" s="16">
        <v>0</v>
      </c>
      <c r="N1013" s="16">
        <v>0</v>
      </c>
      <c r="O1013" s="16">
        <v>0</v>
      </c>
      <c r="P1013" s="16">
        <v>2</v>
      </c>
      <c r="Q1013" s="16">
        <v>298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0</v>
      </c>
      <c r="G1016" s="21">
        <v>0</v>
      </c>
      <c r="H1016" s="21">
        <v>0</v>
      </c>
      <c r="I1016" s="21">
        <v>0</v>
      </c>
      <c r="J1016" s="21">
        <v>0</v>
      </c>
      <c r="K1016" s="21">
        <v>0</v>
      </c>
      <c r="L1016" s="21">
        <v>0</v>
      </c>
      <c r="M1016" s="21">
        <v>0</v>
      </c>
      <c r="N1016" s="21">
        <v>0</v>
      </c>
      <c r="O1016" s="21">
        <v>0</v>
      </c>
      <c r="P1016" s="21">
        <v>0</v>
      </c>
      <c r="Q1016" s="21">
        <v>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0</v>
      </c>
      <c r="G1019" s="19">
        <v>0</v>
      </c>
      <c r="H1019" s="19">
        <v>0</v>
      </c>
      <c r="I1019" s="19">
        <v>0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5</v>
      </c>
      <c r="G1024" s="21">
        <v>1437</v>
      </c>
      <c r="H1024" s="21">
        <v>15</v>
      </c>
      <c r="I1024" s="21">
        <v>1437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5</v>
      </c>
      <c r="G1025" s="16">
        <v>1437</v>
      </c>
      <c r="H1025" s="16">
        <v>15</v>
      </c>
      <c r="I1025" s="16">
        <v>1437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9</v>
      </c>
      <c r="G1028" s="21">
        <v>1388</v>
      </c>
      <c r="H1028" s="21">
        <v>8</v>
      </c>
      <c r="I1028" s="21">
        <v>1207</v>
      </c>
      <c r="J1028" s="21">
        <v>1</v>
      </c>
      <c r="K1028" s="21">
        <v>181</v>
      </c>
      <c r="L1028" s="21">
        <v>0</v>
      </c>
      <c r="M1028" s="21">
        <v>0</v>
      </c>
      <c r="N1028" s="21">
        <v>0</v>
      </c>
      <c r="O1028" s="21">
        <v>0</v>
      </c>
      <c r="P1028" s="21">
        <v>1</v>
      </c>
      <c r="Q1028" s="21">
        <v>181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9</v>
      </c>
      <c r="G1029" s="16">
        <v>1388</v>
      </c>
      <c r="H1029" s="16">
        <v>8</v>
      </c>
      <c r="I1029" s="16">
        <v>1207</v>
      </c>
      <c r="J1029" s="16">
        <v>1</v>
      </c>
      <c r="K1029" s="16">
        <v>181</v>
      </c>
      <c r="L1029" s="16">
        <v>0</v>
      </c>
      <c r="M1029" s="16">
        <v>0</v>
      </c>
      <c r="N1029" s="16">
        <v>0</v>
      </c>
      <c r="O1029" s="16">
        <v>0</v>
      </c>
      <c r="P1029" s="16">
        <v>1</v>
      </c>
      <c r="Q1029" s="16">
        <v>181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9</v>
      </c>
      <c r="G1032" s="21">
        <v>1388</v>
      </c>
      <c r="H1032" s="21">
        <v>8</v>
      </c>
      <c r="I1032" s="21">
        <v>1207</v>
      </c>
      <c r="J1032" s="21">
        <v>1</v>
      </c>
      <c r="K1032" s="21">
        <v>181</v>
      </c>
      <c r="L1032" s="21">
        <v>0</v>
      </c>
      <c r="M1032" s="21">
        <v>0</v>
      </c>
      <c r="N1032" s="21">
        <v>0</v>
      </c>
      <c r="O1032" s="21">
        <v>0</v>
      </c>
      <c r="P1032" s="21">
        <v>1</v>
      </c>
      <c r="Q1032" s="21">
        <v>181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9</v>
      </c>
      <c r="G1033" s="16">
        <v>1388</v>
      </c>
      <c r="H1033" s="16">
        <v>8</v>
      </c>
      <c r="I1033" s="16">
        <v>1207</v>
      </c>
      <c r="J1033" s="16">
        <v>1</v>
      </c>
      <c r="K1033" s="16">
        <v>181</v>
      </c>
      <c r="L1033" s="16">
        <v>0</v>
      </c>
      <c r="M1033" s="16">
        <v>0</v>
      </c>
      <c r="N1033" s="16">
        <v>0</v>
      </c>
      <c r="O1033" s="16">
        <v>0</v>
      </c>
      <c r="P1033" s="16">
        <v>1</v>
      </c>
      <c r="Q1033" s="16">
        <v>181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0</v>
      </c>
      <c r="G1036" s="21">
        <v>0</v>
      </c>
      <c r="H1036" s="21">
        <v>0</v>
      </c>
      <c r="I1036" s="21">
        <v>0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0</v>
      </c>
      <c r="G1044" s="21">
        <v>0</v>
      </c>
      <c r="H1044" s="21">
        <v>0</v>
      </c>
      <c r="I1044" s="21">
        <v>0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0</v>
      </c>
      <c r="G1045" s="16">
        <v>0</v>
      </c>
      <c r="H1045" s="16">
        <v>0</v>
      </c>
      <c r="I1045" s="16">
        <v>0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9</v>
      </c>
      <c r="G1048" s="21">
        <v>1388</v>
      </c>
      <c r="H1048" s="21">
        <v>8</v>
      </c>
      <c r="I1048" s="21">
        <v>1207</v>
      </c>
      <c r="J1048" s="21">
        <v>1</v>
      </c>
      <c r="K1048" s="21">
        <v>181</v>
      </c>
      <c r="L1048" s="21">
        <v>0</v>
      </c>
      <c r="M1048" s="21">
        <v>0</v>
      </c>
      <c r="N1048" s="21">
        <v>0</v>
      </c>
      <c r="O1048" s="21">
        <v>0</v>
      </c>
      <c r="P1048" s="21">
        <v>1</v>
      </c>
      <c r="Q1048" s="21">
        <v>181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9</v>
      </c>
      <c r="G1049" s="16">
        <v>1388</v>
      </c>
      <c r="H1049" s="16">
        <v>8</v>
      </c>
      <c r="I1049" s="16">
        <v>1207</v>
      </c>
      <c r="J1049" s="16">
        <v>1</v>
      </c>
      <c r="K1049" s="16">
        <v>181</v>
      </c>
      <c r="L1049" s="16">
        <v>0</v>
      </c>
      <c r="M1049" s="16">
        <v>0</v>
      </c>
      <c r="N1049" s="16">
        <v>0</v>
      </c>
      <c r="O1049" s="16">
        <v>0</v>
      </c>
      <c r="P1049" s="16">
        <v>1</v>
      </c>
      <c r="Q1049" s="16">
        <v>181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9</v>
      </c>
      <c r="G1052" s="21">
        <v>1388</v>
      </c>
      <c r="H1052" s="21">
        <v>8</v>
      </c>
      <c r="I1052" s="21">
        <v>1207</v>
      </c>
      <c r="J1052" s="21">
        <v>1</v>
      </c>
      <c r="K1052" s="21">
        <v>181</v>
      </c>
      <c r="L1052" s="21">
        <v>0</v>
      </c>
      <c r="M1052" s="21">
        <v>0</v>
      </c>
      <c r="N1052" s="21">
        <v>0</v>
      </c>
      <c r="O1052" s="21">
        <v>0</v>
      </c>
      <c r="P1052" s="21">
        <v>1</v>
      </c>
      <c r="Q1052" s="21">
        <v>181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9</v>
      </c>
      <c r="G1053" s="16">
        <v>1388</v>
      </c>
      <c r="H1053" s="16">
        <v>8</v>
      </c>
      <c r="I1053" s="16">
        <v>1207</v>
      </c>
      <c r="J1053" s="16">
        <v>1</v>
      </c>
      <c r="K1053" s="16">
        <v>181</v>
      </c>
      <c r="L1053" s="16">
        <v>0</v>
      </c>
      <c r="M1053" s="16">
        <v>0</v>
      </c>
      <c r="N1053" s="16">
        <v>0</v>
      </c>
      <c r="O1053" s="16">
        <v>0</v>
      </c>
      <c r="P1053" s="16">
        <v>1</v>
      </c>
      <c r="Q1053" s="16">
        <v>181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0</v>
      </c>
      <c r="G1056" s="21">
        <v>0</v>
      </c>
      <c r="H1056" s="21">
        <v>0</v>
      </c>
      <c r="I1056" s="21">
        <v>0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0</v>
      </c>
      <c r="G1064" s="21">
        <v>0</v>
      </c>
      <c r="H1064" s="21">
        <v>0</v>
      </c>
      <c r="I1064" s="21">
        <v>0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0</v>
      </c>
      <c r="G1065" s="16">
        <v>0</v>
      </c>
      <c r="H1065" s="16">
        <v>0</v>
      </c>
      <c r="I1065" s="16">
        <v>0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21</v>
      </c>
      <c r="G1068" s="21">
        <v>2217</v>
      </c>
      <c r="H1068" s="21">
        <v>19</v>
      </c>
      <c r="I1068" s="21">
        <v>1973</v>
      </c>
      <c r="J1068" s="21">
        <v>2</v>
      </c>
      <c r="K1068" s="21">
        <v>244</v>
      </c>
      <c r="L1068" s="21">
        <v>0</v>
      </c>
      <c r="M1068" s="21">
        <v>0</v>
      </c>
      <c r="N1068" s="21">
        <v>0</v>
      </c>
      <c r="O1068" s="21">
        <v>0</v>
      </c>
      <c r="P1068" s="21">
        <v>2</v>
      </c>
      <c r="Q1068" s="21">
        <v>244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21</v>
      </c>
      <c r="G1069" s="16">
        <v>2217</v>
      </c>
      <c r="H1069" s="16">
        <v>19</v>
      </c>
      <c r="I1069" s="16">
        <v>1973</v>
      </c>
      <c r="J1069" s="16">
        <v>2</v>
      </c>
      <c r="K1069" s="16">
        <v>244</v>
      </c>
      <c r="L1069" s="16">
        <v>0</v>
      </c>
      <c r="M1069" s="16">
        <v>0</v>
      </c>
      <c r="N1069" s="16">
        <v>0</v>
      </c>
      <c r="O1069" s="16">
        <v>0</v>
      </c>
      <c r="P1069" s="16">
        <v>2</v>
      </c>
      <c r="Q1069" s="16">
        <v>244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0</v>
      </c>
      <c r="G1071" s="19">
        <v>0</v>
      </c>
      <c r="H1071" s="19">
        <v>0</v>
      </c>
      <c r="I1071" s="19">
        <v>0</v>
      </c>
      <c r="J1071" s="19">
        <v>0</v>
      </c>
      <c r="K1071" s="19">
        <v>0</v>
      </c>
      <c r="L1071" s="19">
        <v>0</v>
      </c>
      <c r="M1071" s="19">
        <v>0</v>
      </c>
      <c r="N1071" s="19">
        <v>0</v>
      </c>
      <c r="O1071" s="19">
        <v>0</v>
      </c>
      <c r="P1071" s="19">
        <v>0</v>
      </c>
      <c r="Q1071" s="19">
        <v>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1</v>
      </c>
      <c r="G1072" s="21">
        <v>1191</v>
      </c>
      <c r="H1072" s="21">
        <v>9</v>
      </c>
      <c r="I1072" s="21">
        <v>947</v>
      </c>
      <c r="J1072" s="21">
        <v>2</v>
      </c>
      <c r="K1072" s="21">
        <v>244</v>
      </c>
      <c r="L1072" s="21">
        <v>0</v>
      </c>
      <c r="M1072" s="21">
        <v>0</v>
      </c>
      <c r="N1072" s="21">
        <v>0</v>
      </c>
      <c r="O1072" s="21">
        <v>0</v>
      </c>
      <c r="P1072" s="21">
        <v>2</v>
      </c>
      <c r="Q1072" s="21">
        <v>244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1</v>
      </c>
      <c r="G1073" s="16">
        <v>1191</v>
      </c>
      <c r="H1073" s="16">
        <v>9</v>
      </c>
      <c r="I1073" s="16">
        <v>947</v>
      </c>
      <c r="J1073" s="16">
        <v>2</v>
      </c>
      <c r="K1073" s="16">
        <v>244</v>
      </c>
      <c r="L1073" s="16">
        <v>0</v>
      </c>
      <c r="M1073" s="16">
        <v>0</v>
      </c>
      <c r="N1073" s="16">
        <v>0</v>
      </c>
      <c r="O1073" s="16">
        <v>0</v>
      </c>
      <c r="P1073" s="16">
        <v>2</v>
      </c>
      <c r="Q1073" s="16">
        <v>244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0</v>
      </c>
      <c r="G1076" s="21">
        <v>0</v>
      </c>
      <c r="H1076" s="21">
        <v>0</v>
      </c>
      <c r="I1076" s="21">
        <v>0</v>
      </c>
      <c r="J1076" s="21">
        <v>0</v>
      </c>
      <c r="K1076" s="21">
        <v>0</v>
      </c>
      <c r="L1076" s="21">
        <v>0</v>
      </c>
      <c r="M1076" s="21">
        <v>0</v>
      </c>
      <c r="N1076" s="21">
        <v>0</v>
      </c>
      <c r="O1076" s="21">
        <v>0</v>
      </c>
      <c r="P1076" s="21">
        <v>0</v>
      </c>
      <c r="Q1076" s="21">
        <v>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0</v>
      </c>
      <c r="G1079" s="19">
        <v>0</v>
      </c>
      <c r="H1079" s="19">
        <v>0</v>
      </c>
      <c r="I1079" s="19">
        <v>0</v>
      </c>
      <c r="J1079" s="19">
        <v>0</v>
      </c>
      <c r="K1079" s="19">
        <v>0</v>
      </c>
      <c r="L1079" s="19">
        <v>0</v>
      </c>
      <c r="M1079" s="19">
        <v>0</v>
      </c>
      <c r="N1079" s="19">
        <v>0</v>
      </c>
      <c r="O1079" s="19">
        <v>0</v>
      </c>
      <c r="P1079" s="19">
        <v>0</v>
      </c>
      <c r="Q1079" s="19">
        <v>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10</v>
      </c>
      <c r="G1084" s="21">
        <v>1026</v>
      </c>
      <c r="H1084" s="21">
        <v>10</v>
      </c>
      <c r="I1084" s="21">
        <v>1026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10</v>
      </c>
      <c r="G1085" s="16">
        <v>1026</v>
      </c>
      <c r="H1085" s="16">
        <v>10</v>
      </c>
      <c r="I1085" s="16">
        <v>1026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21</v>
      </c>
      <c r="G1088" s="21">
        <v>2217</v>
      </c>
      <c r="H1088" s="21">
        <v>19</v>
      </c>
      <c r="I1088" s="21">
        <v>1973</v>
      </c>
      <c r="J1088" s="21">
        <v>2</v>
      </c>
      <c r="K1088" s="21">
        <v>244</v>
      </c>
      <c r="L1088" s="21">
        <v>0</v>
      </c>
      <c r="M1088" s="21">
        <v>0</v>
      </c>
      <c r="N1088" s="21">
        <v>0</v>
      </c>
      <c r="O1088" s="21">
        <v>0</v>
      </c>
      <c r="P1088" s="21">
        <v>2</v>
      </c>
      <c r="Q1088" s="21">
        <v>244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21</v>
      </c>
      <c r="G1089" s="16">
        <v>2217</v>
      </c>
      <c r="H1089" s="16">
        <v>19</v>
      </c>
      <c r="I1089" s="16">
        <v>1973</v>
      </c>
      <c r="J1089" s="16">
        <v>2</v>
      </c>
      <c r="K1089" s="16">
        <v>244</v>
      </c>
      <c r="L1089" s="16">
        <v>0</v>
      </c>
      <c r="M1089" s="16">
        <v>0</v>
      </c>
      <c r="N1089" s="16">
        <v>0</v>
      </c>
      <c r="O1089" s="16">
        <v>0</v>
      </c>
      <c r="P1089" s="16">
        <v>2</v>
      </c>
      <c r="Q1089" s="16">
        <v>244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0</v>
      </c>
      <c r="G1091" s="19">
        <v>0</v>
      </c>
      <c r="H1091" s="19">
        <v>0</v>
      </c>
      <c r="I1091" s="19">
        <v>0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19">
        <v>0</v>
      </c>
      <c r="P1091" s="19">
        <v>0</v>
      </c>
      <c r="Q1091" s="19">
        <v>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1</v>
      </c>
      <c r="G1092" s="21">
        <v>1191</v>
      </c>
      <c r="H1092" s="21">
        <v>9</v>
      </c>
      <c r="I1092" s="21">
        <v>947</v>
      </c>
      <c r="J1092" s="21">
        <v>2</v>
      </c>
      <c r="K1092" s="21">
        <v>244</v>
      </c>
      <c r="L1092" s="21">
        <v>0</v>
      </c>
      <c r="M1092" s="21">
        <v>0</v>
      </c>
      <c r="N1092" s="21">
        <v>0</v>
      </c>
      <c r="O1092" s="21">
        <v>0</v>
      </c>
      <c r="P1092" s="21">
        <v>2</v>
      </c>
      <c r="Q1092" s="21">
        <v>244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1</v>
      </c>
      <c r="G1093" s="16">
        <v>1191</v>
      </c>
      <c r="H1093" s="16">
        <v>9</v>
      </c>
      <c r="I1093" s="16">
        <v>947</v>
      </c>
      <c r="J1093" s="16">
        <v>2</v>
      </c>
      <c r="K1093" s="16">
        <v>244</v>
      </c>
      <c r="L1093" s="16">
        <v>0</v>
      </c>
      <c r="M1093" s="16">
        <v>0</v>
      </c>
      <c r="N1093" s="16">
        <v>0</v>
      </c>
      <c r="O1093" s="16">
        <v>0</v>
      </c>
      <c r="P1093" s="16">
        <v>2</v>
      </c>
      <c r="Q1093" s="16">
        <v>244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0</v>
      </c>
      <c r="G1096" s="21">
        <v>0</v>
      </c>
      <c r="H1096" s="21">
        <v>0</v>
      </c>
      <c r="I1096" s="21">
        <v>0</v>
      </c>
      <c r="J1096" s="21">
        <v>0</v>
      </c>
      <c r="K1096" s="21">
        <v>0</v>
      </c>
      <c r="L1096" s="21">
        <v>0</v>
      </c>
      <c r="M1096" s="21">
        <v>0</v>
      </c>
      <c r="N1096" s="21">
        <v>0</v>
      </c>
      <c r="O1096" s="21">
        <v>0</v>
      </c>
      <c r="P1096" s="21">
        <v>0</v>
      </c>
      <c r="Q1096" s="21">
        <v>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0</v>
      </c>
      <c r="G1099" s="19">
        <v>0</v>
      </c>
      <c r="H1099" s="19">
        <v>0</v>
      </c>
      <c r="I1099" s="19">
        <v>0</v>
      </c>
      <c r="J1099" s="19">
        <v>0</v>
      </c>
      <c r="K1099" s="19">
        <v>0</v>
      </c>
      <c r="L1099" s="19">
        <v>0</v>
      </c>
      <c r="M1099" s="19">
        <v>0</v>
      </c>
      <c r="N1099" s="19">
        <v>0</v>
      </c>
      <c r="O1099" s="19">
        <v>0</v>
      </c>
      <c r="P1099" s="19">
        <v>0</v>
      </c>
      <c r="Q1099" s="19">
        <v>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10</v>
      </c>
      <c r="G1104" s="21">
        <v>1026</v>
      </c>
      <c r="H1104" s="21">
        <v>10</v>
      </c>
      <c r="I1104" s="21">
        <v>1026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10</v>
      </c>
      <c r="G1105" s="16">
        <v>1026</v>
      </c>
      <c r="H1105" s="16">
        <v>10</v>
      </c>
      <c r="I1105" s="16">
        <v>1026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18</v>
      </c>
      <c r="G1108" s="21">
        <v>1908</v>
      </c>
      <c r="H1108" s="21">
        <v>16</v>
      </c>
      <c r="I1108" s="21">
        <v>1609</v>
      </c>
      <c r="J1108" s="21">
        <v>2</v>
      </c>
      <c r="K1108" s="21">
        <v>299</v>
      </c>
      <c r="L1108" s="21">
        <v>0</v>
      </c>
      <c r="M1108" s="21">
        <v>0</v>
      </c>
      <c r="N1108" s="21">
        <v>0</v>
      </c>
      <c r="O1108" s="21">
        <v>0</v>
      </c>
      <c r="P1108" s="21">
        <v>2</v>
      </c>
      <c r="Q1108" s="21">
        <v>299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16</v>
      </c>
      <c r="G1109" s="16">
        <v>1770</v>
      </c>
      <c r="H1109" s="16">
        <v>14</v>
      </c>
      <c r="I1109" s="16">
        <v>1471</v>
      </c>
      <c r="J1109" s="16">
        <v>2</v>
      </c>
      <c r="K1109" s="16">
        <v>299</v>
      </c>
      <c r="L1109" s="16">
        <v>0</v>
      </c>
      <c r="M1109" s="16">
        <v>0</v>
      </c>
      <c r="N1109" s="16">
        <v>0</v>
      </c>
      <c r="O1109" s="16">
        <v>0</v>
      </c>
      <c r="P1109" s="16">
        <v>2</v>
      </c>
      <c r="Q1109" s="16">
        <v>299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2</v>
      </c>
      <c r="G1110" s="16">
        <v>138</v>
      </c>
      <c r="H1110" s="16">
        <v>2</v>
      </c>
      <c r="I1110" s="16">
        <v>138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5</v>
      </c>
      <c r="G1112" s="21">
        <v>1671</v>
      </c>
      <c r="H1112" s="21">
        <v>13</v>
      </c>
      <c r="I1112" s="21">
        <v>1372</v>
      </c>
      <c r="J1112" s="21">
        <v>2</v>
      </c>
      <c r="K1112" s="21">
        <v>299</v>
      </c>
      <c r="L1112" s="21">
        <v>0</v>
      </c>
      <c r="M1112" s="21">
        <v>0</v>
      </c>
      <c r="N1112" s="21">
        <v>0</v>
      </c>
      <c r="O1112" s="21">
        <v>0</v>
      </c>
      <c r="P1112" s="21">
        <v>2</v>
      </c>
      <c r="Q1112" s="21">
        <v>299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5</v>
      </c>
      <c r="G1113" s="16">
        <v>1671</v>
      </c>
      <c r="H1113" s="16">
        <v>13</v>
      </c>
      <c r="I1113" s="16">
        <v>1372</v>
      </c>
      <c r="J1113" s="16">
        <v>2</v>
      </c>
      <c r="K1113" s="16">
        <v>299</v>
      </c>
      <c r="L1113" s="16">
        <v>0</v>
      </c>
      <c r="M1113" s="16">
        <v>0</v>
      </c>
      <c r="N1113" s="16">
        <v>0</v>
      </c>
      <c r="O1113" s="16">
        <v>0</v>
      </c>
      <c r="P1113" s="16">
        <v>2</v>
      </c>
      <c r="Q1113" s="16">
        <v>299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2</v>
      </c>
      <c r="G1116" s="21">
        <v>138</v>
      </c>
      <c r="H1116" s="21">
        <v>2</v>
      </c>
      <c r="I1116" s="21">
        <v>138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2</v>
      </c>
      <c r="G1118" s="16">
        <v>138</v>
      </c>
      <c r="H1118" s="16">
        <v>2</v>
      </c>
      <c r="I1118" s="16">
        <v>138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1</v>
      </c>
      <c r="G1124" s="21">
        <v>99</v>
      </c>
      <c r="H1124" s="21">
        <v>1</v>
      </c>
      <c r="I1124" s="21">
        <v>99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1</v>
      </c>
      <c r="G1125" s="16">
        <v>99</v>
      </c>
      <c r="H1125" s="16">
        <v>1</v>
      </c>
      <c r="I1125" s="16">
        <v>99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0</v>
      </c>
      <c r="G1128" s="21">
        <v>957</v>
      </c>
      <c r="H1128" s="21">
        <v>10</v>
      </c>
      <c r="I1128" s="21">
        <v>957</v>
      </c>
      <c r="J1128" s="21">
        <v>0</v>
      </c>
      <c r="K1128" s="21">
        <v>0</v>
      </c>
      <c r="L1128" s="21">
        <v>0</v>
      </c>
      <c r="M1128" s="21">
        <v>0</v>
      </c>
      <c r="N1128" s="21">
        <v>0</v>
      </c>
      <c r="O1128" s="21">
        <v>0</v>
      </c>
      <c r="P1128" s="21">
        <v>0</v>
      </c>
      <c r="Q1128" s="21">
        <v>0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8</v>
      </c>
      <c r="G1129" s="16">
        <v>819</v>
      </c>
      <c r="H1129" s="16">
        <v>8</v>
      </c>
      <c r="I1129" s="16">
        <v>819</v>
      </c>
      <c r="J1129" s="16">
        <v>0</v>
      </c>
      <c r="K1129" s="16">
        <v>0</v>
      </c>
      <c r="L1129" s="16">
        <v>0</v>
      </c>
      <c r="M1129" s="16">
        <v>0</v>
      </c>
      <c r="N1129" s="16">
        <v>0</v>
      </c>
      <c r="O1129" s="16">
        <v>0</v>
      </c>
      <c r="P1129" s="16">
        <v>0</v>
      </c>
      <c r="Q1129" s="16">
        <v>0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2</v>
      </c>
      <c r="G1130" s="16">
        <v>138</v>
      </c>
      <c r="H1130" s="16">
        <v>2</v>
      </c>
      <c r="I1130" s="16">
        <v>138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7</v>
      </c>
      <c r="G1132" s="21">
        <v>720</v>
      </c>
      <c r="H1132" s="21">
        <v>7</v>
      </c>
      <c r="I1132" s="21">
        <v>720</v>
      </c>
      <c r="J1132" s="21">
        <v>0</v>
      </c>
      <c r="K1132" s="21">
        <v>0</v>
      </c>
      <c r="L1132" s="21">
        <v>0</v>
      </c>
      <c r="M1132" s="21">
        <v>0</v>
      </c>
      <c r="N1132" s="21">
        <v>0</v>
      </c>
      <c r="O1132" s="21">
        <v>0</v>
      </c>
      <c r="P1132" s="21">
        <v>0</v>
      </c>
      <c r="Q1132" s="21">
        <v>0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7</v>
      </c>
      <c r="G1133" s="16">
        <v>720</v>
      </c>
      <c r="H1133" s="16">
        <v>7</v>
      </c>
      <c r="I1133" s="16">
        <v>720</v>
      </c>
      <c r="J1133" s="16">
        <v>0</v>
      </c>
      <c r="K1133" s="16">
        <v>0</v>
      </c>
      <c r="L1133" s="16">
        <v>0</v>
      </c>
      <c r="M1133" s="16">
        <v>0</v>
      </c>
      <c r="N1133" s="16">
        <v>0</v>
      </c>
      <c r="O1133" s="16">
        <v>0</v>
      </c>
      <c r="P1133" s="16">
        <v>0</v>
      </c>
      <c r="Q1133" s="16">
        <v>0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2</v>
      </c>
      <c r="G1136" s="21">
        <v>138</v>
      </c>
      <c r="H1136" s="21">
        <v>2</v>
      </c>
      <c r="I1136" s="21">
        <v>138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2</v>
      </c>
      <c r="G1138" s="16">
        <v>138</v>
      </c>
      <c r="H1138" s="16">
        <v>2</v>
      </c>
      <c r="I1138" s="16">
        <v>138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1</v>
      </c>
      <c r="G1144" s="21">
        <v>99</v>
      </c>
      <c r="H1144" s="21">
        <v>1</v>
      </c>
      <c r="I1144" s="21">
        <v>99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1</v>
      </c>
      <c r="G1145" s="16">
        <v>99</v>
      </c>
      <c r="H1145" s="16">
        <v>1</v>
      </c>
      <c r="I1145" s="16">
        <v>99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8</v>
      </c>
      <c r="G1148" s="21">
        <v>951</v>
      </c>
      <c r="H1148" s="21">
        <v>6</v>
      </c>
      <c r="I1148" s="21">
        <v>652</v>
      </c>
      <c r="J1148" s="21">
        <v>2</v>
      </c>
      <c r="K1148" s="21">
        <v>299</v>
      </c>
      <c r="L1148" s="21">
        <v>0</v>
      </c>
      <c r="M1148" s="21">
        <v>0</v>
      </c>
      <c r="N1148" s="21">
        <v>0</v>
      </c>
      <c r="O1148" s="21">
        <v>0</v>
      </c>
      <c r="P1148" s="21">
        <v>2</v>
      </c>
      <c r="Q1148" s="21">
        <v>299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8</v>
      </c>
      <c r="G1149" s="16">
        <v>951</v>
      </c>
      <c r="H1149" s="16">
        <v>6</v>
      </c>
      <c r="I1149" s="16">
        <v>652</v>
      </c>
      <c r="J1149" s="16">
        <v>2</v>
      </c>
      <c r="K1149" s="16">
        <v>299</v>
      </c>
      <c r="L1149" s="16">
        <v>0</v>
      </c>
      <c r="M1149" s="16">
        <v>0</v>
      </c>
      <c r="N1149" s="16">
        <v>0</v>
      </c>
      <c r="O1149" s="16">
        <v>0</v>
      </c>
      <c r="P1149" s="16">
        <v>2</v>
      </c>
      <c r="Q1149" s="16">
        <v>299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8</v>
      </c>
      <c r="G1152" s="21">
        <v>951</v>
      </c>
      <c r="H1152" s="21">
        <v>6</v>
      </c>
      <c r="I1152" s="21">
        <v>652</v>
      </c>
      <c r="J1152" s="21">
        <v>2</v>
      </c>
      <c r="K1152" s="21">
        <v>299</v>
      </c>
      <c r="L1152" s="21">
        <v>0</v>
      </c>
      <c r="M1152" s="21">
        <v>0</v>
      </c>
      <c r="N1152" s="21">
        <v>0</v>
      </c>
      <c r="O1152" s="21">
        <v>0</v>
      </c>
      <c r="P1152" s="21">
        <v>2</v>
      </c>
      <c r="Q1152" s="21">
        <v>299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8</v>
      </c>
      <c r="G1153" s="16">
        <v>951</v>
      </c>
      <c r="H1153" s="16">
        <v>6</v>
      </c>
      <c r="I1153" s="16">
        <v>652</v>
      </c>
      <c r="J1153" s="16">
        <v>2</v>
      </c>
      <c r="K1153" s="16">
        <v>299</v>
      </c>
      <c r="L1153" s="16">
        <v>0</v>
      </c>
      <c r="M1153" s="16">
        <v>0</v>
      </c>
      <c r="N1153" s="16">
        <v>0</v>
      </c>
      <c r="O1153" s="16">
        <v>0</v>
      </c>
      <c r="P1153" s="16">
        <v>2</v>
      </c>
      <c r="Q1153" s="16">
        <v>299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0</v>
      </c>
      <c r="G1164" s="21">
        <v>0</v>
      </c>
      <c r="H1164" s="21">
        <v>0</v>
      </c>
      <c r="I1164" s="21">
        <v>0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0</v>
      </c>
      <c r="G1165" s="16">
        <v>0</v>
      </c>
      <c r="H1165" s="16">
        <v>0</v>
      </c>
      <c r="I1165" s="16">
        <v>0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33</v>
      </c>
      <c r="G1168" s="21">
        <v>3028</v>
      </c>
      <c r="H1168" s="21">
        <v>23</v>
      </c>
      <c r="I1168" s="21">
        <v>2459</v>
      </c>
      <c r="J1168" s="21">
        <v>10</v>
      </c>
      <c r="K1168" s="21">
        <v>569</v>
      </c>
      <c r="L1168" s="21">
        <v>0</v>
      </c>
      <c r="M1168" s="21">
        <v>0</v>
      </c>
      <c r="N1168" s="21">
        <v>0</v>
      </c>
      <c r="O1168" s="21">
        <v>0</v>
      </c>
      <c r="P1168" s="21">
        <v>10</v>
      </c>
      <c r="Q1168" s="21">
        <v>569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24</v>
      </c>
      <c r="G1169" s="16">
        <v>2568</v>
      </c>
      <c r="H1169" s="16">
        <v>23</v>
      </c>
      <c r="I1169" s="16">
        <v>2459</v>
      </c>
      <c r="J1169" s="16">
        <v>1</v>
      </c>
      <c r="K1169" s="16">
        <v>109</v>
      </c>
      <c r="L1169" s="16">
        <v>0</v>
      </c>
      <c r="M1169" s="16">
        <v>0</v>
      </c>
      <c r="N1169" s="16">
        <v>0</v>
      </c>
      <c r="O1169" s="16">
        <v>0</v>
      </c>
      <c r="P1169" s="16">
        <v>1</v>
      </c>
      <c r="Q1169" s="16">
        <v>109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9</v>
      </c>
      <c r="G1171" s="19">
        <v>460</v>
      </c>
      <c r="H1171" s="19">
        <v>0</v>
      </c>
      <c r="I1171" s="19">
        <v>0</v>
      </c>
      <c r="J1171" s="19">
        <v>9</v>
      </c>
      <c r="K1171" s="19">
        <v>460</v>
      </c>
      <c r="L1171" s="19">
        <v>0</v>
      </c>
      <c r="M1171" s="19">
        <v>0</v>
      </c>
      <c r="N1171" s="19">
        <v>0</v>
      </c>
      <c r="O1171" s="19">
        <v>0</v>
      </c>
      <c r="P1171" s="19">
        <v>9</v>
      </c>
      <c r="Q1171" s="19">
        <v>46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14</v>
      </c>
      <c r="G1172" s="21">
        <v>1472</v>
      </c>
      <c r="H1172" s="21">
        <v>13</v>
      </c>
      <c r="I1172" s="21">
        <v>1363</v>
      </c>
      <c r="J1172" s="21">
        <v>1</v>
      </c>
      <c r="K1172" s="21">
        <v>109</v>
      </c>
      <c r="L1172" s="21">
        <v>0</v>
      </c>
      <c r="M1172" s="21">
        <v>0</v>
      </c>
      <c r="N1172" s="21">
        <v>0</v>
      </c>
      <c r="O1172" s="21">
        <v>0</v>
      </c>
      <c r="P1172" s="21">
        <v>1</v>
      </c>
      <c r="Q1172" s="21">
        <v>109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14</v>
      </c>
      <c r="G1173" s="16">
        <v>1472</v>
      </c>
      <c r="H1173" s="16">
        <v>13</v>
      </c>
      <c r="I1173" s="16">
        <v>1363</v>
      </c>
      <c r="J1173" s="16">
        <v>1</v>
      </c>
      <c r="K1173" s="16">
        <v>109</v>
      </c>
      <c r="L1173" s="16">
        <v>0</v>
      </c>
      <c r="M1173" s="16">
        <v>0</v>
      </c>
      <c r="N1173" s="16">
        <v>0</v>
      </c>
      <c r="O1173" s="16">
        <v>0</v>
      </c>
      <c r="P1173" s="16">
        <v>1</v>
      </c>
      <c r="Q1173" s="16">
        <v>109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9</v>
      </c>
      <c r="G1176" s="21">
        <v>460</v>
      </c>
      <c r="H1176" s="21">
        <v>0</v>
      </c>
      <c r="I1176" s="21">
        <v>0</v>
      </c>
      <c r="J1176" s="21">
        <v>9</v>
      </c>
      <c r="K1176" s="21">
        <v>460</v>
      </c>
      <c r="L1176" s="21">
        <v>0</v>
      </c>
      <c r="M1176" s="21">
        <v>0</v>
      </c>
      <c r="N1176" s="21">
        <v>0</v>
      </c>
      <c r="O1176" s="21">
        <v>0</v>
      </c>
      <c r="P1176" s="21">
        <v>9</v>
      </c>
      <c r="Q1176" s="21">
        <v>460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9</v>
      </c>
      <c r="G1179" s="19">
        <v>460</v>
      </c>
      <c r="H1179" s="19">
        <v>0</v>
      </c>
      <c r="I1179" s="19">
        <v>0</v>
      </c>
      <c r="J1179" s="19">
        <v>9</v>
      </c>
      <c r="K1179" s="19">
        <v>460</v>
      </c>
      <c r="L1179" s="19">
        <v>0</v>
      </c>
      <c r="M1179" s="19">
        <v>0</v>
      </c>
      <c r="N1179" s="19">
        <v>0</v>
      </c>
      <c r="O1179" s="19">
        <v>0</v>
      </c>
      <c r="P1179" s="19">
        <v>9</v>
      </c>
      <c r="Q1179" s="19">
        <v>46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10</v>
      </c>
      <c r="G1184" s="21">
        <v>1096</v>
      </c>
      <c r="H1184" s="21">
        <v>10</v>
      </c>
      <c r="I1184" s="21">
        <v>1096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10</v>
      </c>
      <c r="G1185" s="16">
        <v>1096</v>
      </c>
      <c r="H1185" s="16">
        <v>10</v>
      </c>
      <c r="I1185" s="16">
        <v>1096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3</v>
      </c>
      <c r="G1188" s="21">
        <v>314</v>
      </c>
      <c r="H1188" s="21">
        <v>3</v>
      </c>
      <c r="I1188" s="21">
        <v>314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3</v>
      </c>
      <c r="G1189" s="16">
        <v>314</v>
      </c>
      <c r="H1189" s="16">
        <v>3</v>
      </c>
      <c r="I1189" s="16">
        <v>314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3</v>
      </c>
      <c r="G1192" s="21">
        <v>314</v>
      </c>
      <c r="H1192" s="21">
        <v>3</v>
      </c>
      <c r="I1192" s="21">
        <v>314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3</v>
      </c>
      <c r="G1193" s="16">
        <v>314</v>
      </c>
      <c r="H1193" s="16">
        <v>3</v>
      </c>
      <c r="I1193" s="16">
        <v>314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14</v>
      </c>
      <c r="G1208" s="21">
        <v>1565</v>
      </c>
      <c r="H1208" s="21">
        <v>13</v>
      </c>
      <c r="I1208" s="21">
        <v>1456</v>
      </c>
      <c r="J1208" s="21">
        <v>1</v>
      </c>
      <c r="K1208" s="21">
        <v>109</v>
      </c>
      <c r="L1208" s="21">
        <v>0</v>
      </c>
      <c r="M1208" s="21">
        <v>0</v>
      </c>
      <c r="N1208" s="21">
        <v>0</v>
      </c>
      <c r="O1208" s="21">
        <v>0</v>
      </c>
      <c r="P1208" s="21">
        <v>1</v>
      </c>
      <c r="Q1208" s="21">
        <v>109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14</v>
      </c>
      <c r="G1209" s="16">
        <v>1565</v>
      </c>
      <c r="H1209" s="16">
        <v>13</v>
      </c>
      <c r="I1209" s="16">
        <v>1456</v>
      </c>
      <c r="J1209" s="16">
        <v>1</v>
      </c>
      <c r="K1209" s="16">
        <v>109</v>
      </c>
      <c r="L1209" s="16">
        <v>0</v>
      </c>
      <c r="M1209" s="16">
        <v>0</v>
      </c>
      <c r="N1209" s="16">
        <v>0</v>
      </c>
      <c r="O1209" s="16">
        <v>0</v>
      </c>
      <c r="P1209" s="16">
        <v>1</v>
      </c>
      <c r="Q1209" s="16">
        <v>109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4</v>
      </c>
      <c r="G1212" s="21">
        <v>469</v>
      </c>
      <c r="H1212" s="21">
        <v>3</v>
      </c>
      <c r="I1212" s="21">
        <v>360</v>
      </c>
      <c r="J1212" s="21">
        <v>1</v>
      </c>
      <c r="K1212" s="21">
        <v>109</v>
      </c>
      <c r="L1212" s="21">
        <v>0</v>
      </c>
      <c r="M1212" s="21">
        <v>0</v>
      </c>
      <c r="N1212" s="21">
        <v>0</v>
      </c>
      <c r="O1212" s="21">
        <v>0</v>
      </c>
      <c r="P1212" s="21">
        <v>1</v>
      </c>
      <c r="Q1212" s="21">
        <v>109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4</v>
      </c>
      <c r="G1213" s="16">
        <v>469</v>
      </c>
      <c r="H1213" s="16">
        <v>3</v>
      </c>
      <c r="I1213" s="16">
        <v>360</v>
      </c>
      <c r="J1213" s="16">
        <v>1</v>
      </c>
      <c r="K1213" s="16">
        <v>109</v>
      </c>
      <c r="L1213" s="16">
        <v>0</v>
      </c>
      <c r="M1213" s="16">
        <v>0</v>
      </c>
      <c r="N1213" s="16">
        <v>0</v>
      </c>
      <c r="O1213" s="16">
        <v>0</v>
      </c>
      <c r="P1213" s="16">
        <v>1</v>
      </c>
      <c r="Q1213" s="16">
        <v>109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10</v>
      </c>
      <c r="G1224" s="21">
        <v>1096</v>
      </c>
      <c r="H1224" s="21">
        <v>10</v>
      </c>
      <c r="I1224" s="21">
        <v>1096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10</v>
      </c>
      <c r="G1225" s="16">
        <v>1096</v>
      </c>
      <c r="H1225" s="16">
        <v>10</v>
      </c>
      <c r="I1225" s="16">
        <v>1096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1</v>
      </c>
      <c r="G1228" s="21">
        <v>96</v>
      </c>
      <c r="H1228" s="21">
        <v>1</v>
      </c>
      <c r="I1228" s="21">
        <v>96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1</v>
      </c>
      <c r="G1229" s="16">
        <v>96</v>
      </c>
      <c r="H1229" s="16">
        <v>1</v>
      </c>
      <c r="I1229" s="16">
        <v>96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1</v>
      </c>
      <c r="G1232" s="21">
        <v>96</v>
      </c>
      <c r="H1232" s="21">
        <v>1</v>
      </c>
      <c r="I1232" s="21">
        <v>96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1</v>
      </c>
      <c r="G1233" s="16">
        <v>96</v>
      </c>
      <c r="H1233" s="16">
        <v>1</v>
      </c>
      <c r="I1233" s="16">
        <v>96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2</v>
      </c>
      <c r="G1248" s="21">
        <v>187</v>
      </c>
      <c r="H1248" s="21">
        <v>2</v>
      </c>
      <c r="I1248" s="21">
        <v>187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2</v>
      </c>
      <c r="G1249" s="16">
        <v>187</v>
      </c>
      <c r="H1249" s="16">
        <v>2</v>
      </c>
      <c r="I1249" s="16">
        <v>187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2</v>
      </c>
      <c r="G1252" s="21">
        <v>187</v>
      </c>
      <c r="H1252" s="21">
        <v>2</v>
      </c>
      <c r="I1252" s="21">
        <v>187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2</v>
      </c>
      <c r="G1253" s="16">
        <v>187</v>
      </c>
      <c r="H1253" s="16">
        <v>2</v>
      </c>
      <c r="I1253" s="16">
        <v>187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13</v>
      </c>
      <c r="G1268" s="21">
        <v>866</v>
      </c>
      <c r="H1268" s="21">
        <v>4</v>
      </c>
      <c r="I1268" s="21">
        <v>406</v>
      </c>
      <c r="J1268" s="21">
        <v>9</v>
      </c>
      <c r="K1268" s="21">
        <v>460</v>
      </c>
      <c r="L1268" s="21">
        <v>0</v>
      </c>
      <c r="M1268" s="21">
        <v>0</v>
      </c>
      <c r="N1268" s="21">
        <v>0</v>
      </c>
      <c r="O1268" s="21">
        <v>0</v>
      </c>
      <c r="P1268" s="21">
        <v>9</v>
      </c>
      <c r="Q1268" s="21">
        <v>460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4</v>
      </c>
      <c r="G1269" s="16">
        <v>406</v>
      </c>
      <c r="H1269" s="16">
        <v>4</v>
      </c>
      <c r="I1269" s="16">
        <v>406</v>
      </c>
      <c r="J1269" s="16">
        <v>0</v>
      </c>
      <c r="K1269" s="16">
        <v>0</v>
      </c>
      <c r="L1269" s="16">
        <v>0</v>
      </c>
      <c r="M1269" s="16">
        <v>0</v>
      </c>
      <c r="N1269" s="16">
        <v>0</v>
      </c>
      <c r="O1269" s="16">
        <v>0</v>
      </c>
      <c r="P1269" s="16">
        <v>0</v>
      </c>
      <c r="Q1269" s="16">
        <v>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9</v>
      </c>
      <c r="G1271" s="19">
        <v>460</v>
      </c>
      <c r="H1271" s="19">
        <v>0</v>
      </c>
      <c r="I1271" s="19">
        <v>0</v>
      </c>
      <c r="J1271" s="19">
        <v>9</v>
      </c>
      <c r="K1271" s="19">
        <v>460</v>
      </c>
      <c r="L1271" s="19">
        <v>0</v>
      </c>
      <c r="M1271" s="19">
        <v>0</v>
      </c>
      <c r="N1271" s="19">
        <v>0</v>
      </c>
      <c r="O1271" s="19">
        <v>0</v>
      </c>
      <c r="P1271" s="19">
        <v>9</v>
      </c>
      <c r="Q1271" s="19">
        <v>46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4</v>
      </c>
      <c r="G1272" s="21">
        <v>406</v>
      </c>
      <c r="H1272" s="21">
        <v>4</v>
      </c>
      <c r="I1272" s="21">
        <v>406</v>
      </c>
      <c r="J1272" s="21">
        <v>0</v>
      </c>
      <c r="K1272" s="21">
        <v>0</v>
      </c>
      <c r="L1272" s="21">
        <v>0</v>
      </c>
      <c r="M1272" s="21">
        <v>0</v>
      </c>
      <c r="N1272" s="21">
        <v>0</v>
      </c>
      <c r="O1272" s="21">
        <v>0</v>
      </c>
      <c r="P1272" s="21">
        <v>0</v>
      </c>
      <c r="Q1272" s="21">
        <v>0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4</v>
      </c>
      <c r="G1273" s="16">
        <v>406</v>
      </c>
      <c r="H1273" s="16">
        <v>4</v>
      </c>
      <c r="I1273" s="16">
        <v>406</v>
      </c>
      <c r="J1273" s="16">
        <v>0</v>
      </c>
      <c r="K1273" s="16">
        <v>0</v>
      </c>
      <c r="L1273" s="16">
        <v>0</v>
      </c>
      <c r="M1273" s="16">
        <v>0</v>
      </c>
      <c r="N1273" s="16">
        <v>0</v>
      </c>
      <c r="O1273" s="16">
        <v>0</v>
      </c>
      <c r="P1273" s="16">
        <v>0</v>
      </c>
      <c r="Q1273" s="16">
        <v>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9</v>
      </c>
      <c r="G1276" s="21">
        <v>460</v>
      </c>
      <c r="H1276" s="21">
        <v>0</v>
      </c>
      <c r="I1276" s="21">
        <v>0</v>
      </c>
      <c r="J1276" s="21">
        <v>9</v>
      </c>
      <c r="K1276" s="21">
        <v>460</v>
      </c>
      <c r="L1276" s="21">
        <v>0</v>
      </c>
      <c r="M1276" s="21">
        <v>0</v>
      </c>
      <c r="N1276" s="21">
        <v>0</v>
      </c>
      <c r="O1276" s="21">
        <v>0</v>
      </c>
      <c r="P1276" s="21">
        <v>9</v>
      </c>
      <c r="Q1276" s="21">
        <v>46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9</v>
      </c>
      <c r="G1279" s="19">
        <v>460</v>
      </c>
      <c r="H1279" s="19">
        <v>0</v>
      </c>
      <c r="I1279" s="19">
        <v>0</v>
      </c>
      <c r="J1279" s="19">
        <v>9</v>
      </c>
      <c r="K1279" s="19">
        <v>460</v>
      </c>
      <c r="L1279" s="19">
        <v>0</v>
      </c>
      <c r="M1279" s="19">
        <v>0</v>
      </c>
      <c r="N1279" s="19">
        <v>0</v>
      </c>
      <c r="O1279" s="19">
        <v>0</v>
      </c>
      <c r="P1279" s="19">
        <v>9</v>
      </c>
      <c r="Q1279" s="19">
        <v>46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0</v>
      </c>
      <c r="G1284" s="21">
        <v>0</v>
      </c>
      <c r="H1284" s="21">
        <v>0</v>
      </c>
      <c r="I1284" s="21">
        <v>0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0</v>
      </c>
      <c r="G1285" s="16">
        <v>0</v>
      </c>
      <c r="H1285" s="16">
        <v>0</v>
      </c>
      <c r="I1285" s="16">
        <v>0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25</v>
      </c>
      <c r="G1288" s="21">
        <v>1281</v>
      </c>
      <c r="H1288" s="21">
        <v>4</v>
      </c>
      <c r="I1288" s="21">
        <v>358</v>
      </c>
      <c r="J1288" s="21">
        <v>21</v>
      </c>
      <c r="K1288" s="21">
        <v>923</v>
      </c>
      <c r="L1288" s="21">
        <v>0</v>
      </c>
      <c r="M1288" s="21">
        <v>0</v>
      </c>
      <c r="N1288" s="21">
        <v>0</v>
      </c>
      <c r="O1288" s="21">
        <v>0</v>
      </c>
      <c r="P1288" s="21">
        <v>21</v>
      </c>
      <c r="Q1288" s="21">
        <v>923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4</v>
      </c>
      <c r="G1289" s="16">
        <v>358</v>
      </c>
      <c r="H1289" s="16">
        <v>4</v>
      </c>
      <c r="I1289" s="16">
        <v>358</v>
      </c>
      <c r="J1289" s="16">
        <v>0</v>
      </c>
      <c r="K1289" s="16">
        <v>0</v>
      </c>
      <c r="L1289" s="16">
        <v>0</v>
      </c>
      <c r="M1289" s="16">
        <v>0</v>
      </c>
      <c r="N1289" s="16">
        <v>0</v>
      </c>
      <c r="O1289" s="16">
        <v>0</v>
      </c>
      <c r="P1289" s="16">
        <v>0</v>
      </c>
      <c r="Q1289" s="16">
        <v>0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21</v>
      </c>
      <c r="G1291" s="19">
        <v>923</v>
      </c>
      <c r="H1291" s="19">
        <v>0</v>
      </c>
      <c r="I1291" s="19">
        <v>0</v>
      </c>
      <c r="J1291" s="19">
        <v>21</v>
      </c>
      <c r="K1291" s="19">
        <v>923</v>
      </c>
      <c r="L1291" s="19">
        <v>0</v>
      </c>
      <c r="M1291" s="19">
        <v>0</v>
      </c>
      <c r="N1291" s="19">
        <v>0</v>
      </c>
      <c r="O1291" s="19">
        <v>0</v>
      </c>
      <c r="P1291" s="19">
        <v>21</v>
      </c>
      <c r="Q1291" s="19">
        <v>923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4</v>
      </c>
      <c r="G1292" s="21">
        <v>358</v>
      </c>
      <c r="H1292" s="21">
        <v>4</v>
      </c>
      <c r="I1292" s="21">
        <v>358</v>
      </c>
      <c r="J1292" s="21">
        <v>0</v>
      </c>
      <c r="K1292" s="21">
        <v>0</v>
      </c>
      <c r="L1292" s="21">
        <v>0</v>
      </c>
      <c r="M1292" s="21">
        <v>0</v>
      </c>
      <c r="N1292" s="21">
        <v>0</v>
      </c>
      <c r="O1292" s="21">
        <v>0</v>
      </c>
      <c r="P1292" s="21">
        <v>0</v>
      </c>
      <c r="Q1292" s="21">
        <v>0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4</v>
      </c>
      <c r="G1293" s="16">
        <v>358</v>
      </c>
      <c r="H1293" s="16">
        <v>4</v>
      </c>
      <c r="I1293" s="16">
        <v>358</v>
      </c>
      <c r="J1293" s="16">
        <v>0</v>
      </c>
      <c r="K1293" s="16">
        <v>0</v>
      </c>
      <c r="L1293" s="16">
        <v>0</v>
      </c>
      <c r="M1293" s="16">
        <v>0</v>
      </c>
      <c r="N1293" s="16">
        <v>0</v>
      </c>
      <c r="O1293" s="16">
        <v>0</v>
      </c>
      <c r="P1293" s="16">
        <v>0</v>
      </c>
      <c r="Q1293" s="16">
        <v>0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16</v>
      </c>
      <c r="G1296" s="21">
        <v>316</v>
      </c>
      <c r="H1296" s="21">
        <v>0</v>
      </c>
      <c r="I1296" s="21">
        <v>0</v>
      </c>
      <c r="J1296" s="21">
        <v>16</v>
      </c>
      <c r="K1296" s="21">
        <v>316</v>
      </c>
      <c r="L1296" s="21">
        <v>0</v>
      </c>
      <c r="M1296" s="21">
        <v>0</v>
      </c>
      <c r="N1296" s="21">
        <v>0</v>
      </c>
      <c r="O1296" s="21">
        <v>0</v>
      </c>
      <c r="P1296" s="21">
        <v>16</v>
      </c>
      <c r="Q1296" s="21">
        <v>316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16</v>
      </c>
      <c r="G1299" s="19">
        <v>316</v>
      </c>
      <c r="H1299" s="19">
        <v>0</v>
      </c>
      <c r="I1299" s="19">
        <v>0</v>
      </c>
      <c r="J1299" s="19">
        <v>16</v>
      </c>
      <c r="K1299" s="19">
        <v>316</v>
      </c>
      <c r="L1299" s="19">
        <v>0</v>
      </c>
      <c r="M1299" s="19">
        <v>0</v>
      </c>
      <c r="N1299" s="19">
        <v>0</v>
      </c>
      <c r="O1299" s="19">
        <v>0</v>
      </c>
      <c r="P1299" s="19">
        <v>16</v>
      </c>
      <c r="Q1299" s="19">
        <v>316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5</v>
      </c>
      <c r="G1304" s="21">
        <v>607</v>
      </c>
      <c r="H1304" s="21">
        <v>0</v>
      </c>
      <c r="I1304" s="21">
        <v>0</v>
      </c>
      <c r="J1304" s="21">
        <v>5</v>
      </c>
      <c r="K1304" s="21">
        <v>607</v>
      </c>
      <c r="L1304" s="21">
        <v>0</v>
      </c>
      <c r="M1304" s="21">
        <v>0</v>
      </c>
      <c r="N1304" s="21">
        <v>0</v>
      </c>
      <c r="O1304" s="21">
        <v>0</v>
      </c>
      <c r="P1304" s="21">
        <v>5</v>
      </c>
      <c r="Q1304" s="21">
        <v>607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0</v>
      </c>
      <c r="G1305" s="16">
        <v>0</v>
      </c>
      <c r="H1305" s="16">
        <v>0</v>
      </c>
      <c r="I1305" s="16">
        <v>0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5</v>
      </c>
      <c r="G1307" s="19">
        <v>607</v>
      </c>
      <c r="H1307" s="19">
        <v>0</v>
      </c>
      <c r="I1307" s="19">
        <v>0</v>
      </c>
      <c r="J1307" s="19">
        <v>5</v>
      </c>
      <c r="K1307" s="19">
        <v>607</v>
      </c>
      <c r="L1307" s="19">
        <v>0</v>
      </c>
      <c r="M1307" s="19">
        <v>0</v>
      </c>
      <c r="N1307" s="19">
        <v>0</v>
      </c>
      <c r="O1307" s="19">
        <v>0</v>
      </c>
      <c r="P1307" s="19">
        <v>5</v>
      </c>
      <c r="Q1307" s="19">
        <v>607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22</v>
      </c>
      <c r="G1308" s="21">
        <v>1002</v>
      </c>
      <c r="H1308" s="21">
        <v>1</v>
      </c>
      <c r="I1308" s="21">
        <v>79</v>
      </c>
      <c r="J1308" s="21">
        <v>21</v>
      </c>
      <c r="K1308" s="21">
        <v>923</v>
      </c>
      <c r="L1308" s="21">
        <v>0</v>
      </c>
      <c r="M1308" s="21">
        <v>0</v>
      </c>
      <c r="N1308" s="21">
        <v>0</v>
      </c>
      <c r="O1308" s="21">
        <v>0</v>
      </c>
      <c r="P1308" s="21">
        <v>21</v>
      </c>
      <c r="Q1308" s="21">
        <v>923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1</v>
      </c>
      <c r="G1309" s="16">
        <v>79</v>
      </c>
      <c r="H1309" s="16">
        <v>1</v>
      </c>
      <c r="I1309" s="16">
        <v>79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21</v>
      </c>
      <c r="G1311" s="19">
        <v>923</v>
      </c>
      <c r="H1311" s="19">
        <v>0</v>
      </c>
      <c r="I1311" s="19">
        <v>0</v>
      </c>
      <c r="J1311" s="19">
        <v>21</v>
      </c>
      <c r="K1311" s="19">
        <v>923</v>
      </c>
      <c r="L1311" s="19">
        <v>0</v>
      </c>
      <c r="M1311" s="19">
        <v>0</v>
      </c>
      <c r="N1311" s="19">
        <v>0</v>
      </c>
      <c r="O1311" s="19">
        <v>0</v>
      </c>
      <c r="P1311" s="19">
        <v>21</v>
      </c>
      <c r="Q1311" s="19">
        <v>923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1</v>
      </c>
      <c r="G1312" s="21">
        <v>79</v>
      </c>
      <c r="H1312" s="21">
        <v>1</v>
      </c>
      <c r="I1312" s="21">
        <v>79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1</v>
      </c>
      <c r="G1313" s="16">
        <v>79</v>
      </c>
      <c r="H1313" s="16">
        <v>1</v>
      </c>
      <c r="I1313" s="16">
        <v>79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16</v>
      </c>
      <c r="G1316" s="21">
        <v>316</v>
      </c>
      <c r="H1316" s="21">
        <v>0</v>
      </c>
      <c r="I1316" s="21">
        <v>0</v>
      </c>
      <c r="J1316" s="21">
        <v>16</v>
      </c>
      <c r="K1316" s="21">
        <v>316</v>
      </c>
      <c r="L1316" s="21">
        <v>0</v>
      </c>
      <c r="M1316" s="21">
        <v>0</v>
      </c>
      <c r="N1316" s="21">
        <v>0</v>
      </c>
      <c r="O1316" s="21">
        <v>0</v>
      </c>
      <c r="P1316" s="21">
        <v>16</v>
      </c>
      <c r="Q1316" s="21">
        <v>316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16</v>
      </c>
      <c r="G1319" s="19">
        <v>316</v>
      </c>
      <c r="H1319" s="19">
        <v>0</v>
      </c>
      <c r="I1319" s="19">
        <v>0</v>
      </c>
      <c r="J1319" s="19">
        <v>16</v>
      </c>
      <c r="K1319" s="19">
        <v>316</v>
      </c>
      <c r="L1319" s="19">
        <v>0</v>
      </c>
      <c r="M1319" s="19">
        <v>0</v>
      </c>
      <c r="N1319" s="19">
        <v>0</v>
      </c>
      <c r="O1319" s="19">
        <v>0</v>
      </c>
      <c r="P1319" s="19">
        <v>16</v>
      </c>
      <c r="Q1319" s="19">
        <v>316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5</v>
      </c>
      <c r="G1324" s="21">
        <v>607</v>
      </c>
      <c r="H1324" s="21">
        <v>0</v>
      </c>
      <c r="I1324" s="21">
        <v>0</v>
      </c>
      <c r="J1324" s="21">
        <v>5</v>
      </c>
      <c r="K1324" s="21">
        <v>607</v>
      </c>
      <c r="L1324" s="21">
        <v>0</v>
      </c>
      <c r="M1324" s="21">
        <v>0</v>
      </c>
      <c r="N1324" s="21">
        <v>0</v>
      </c>
      <c r="O1324" s="21">
        <v>0</v>
      </c>
      <c r="P1324" s="21">
        <v>5</v>
      </c>
      <c r="Q1324" s="21">
        <v>607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5</v>
      </c>
      <c r="G1327" s="19">
        <v>607</v>
      </c>
      <c r="H1327" s="19">
        <v>0</v>
      </c>
      <c r="I1327" s="19">
        <v>0</v>
      </c>
      <c r="J1327" s="19">
        <v>5</v>
      </c>
      <c r="K1327" s="19">
        <v>607</v>
      </c>
      <c r="L1327" s="19">
        <v>0</v>
      </c>
      <c r="M1327" s="19">
        <v>0</v>
      </c>
      <c r="N1327" s="19">
        <v>0</v>
      </c>
      <c r="O1327" s="19">
        <v>0</v>
      </c>
      <c r="P1327" s="19">
        <v>5</v>
      </c>
      <c r="Q1327" s="19">
        <v>607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2</v>
      </c>
      <c r="G1328" s="21">
        <v>161</v>
      </c>
      <c r="H1328" s="21">
        <v>2</v>
      </c>
      <c r="I1328" s="21">
        <v>161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2</v>
      </c>
      <c r="G1329" s="16">
        <v>161</v>
      </c>
      <c r="H1329" s="16">
        <v>2</v>
      </c>
      <c r="I1329" s="16">
        <v>161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2</v>
      </c>
      <c r="G1332" s="21">
        <v>161</v>
      </c>
      <c r="H1332" s="21">
        <v>2</v>
      </c>
      <c r="I1332" s="21">
        <v>161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2</v>
      </c>
      <c r="G1333" s="16">
        <v>161</v>
      </c>
      <c r="H1333" s="16">
        <v>2</v>
      </c>
      <c r="I1333" s="16">
        <v>161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1</v>
      </c>
      <c r="G1348" s="21">
        <v>118</v>
      </c>
      <c r="H1348" s="21">
        <v>1</v>
      </c>
      <c r="I1348" s="21">
        <v>118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1</v>
      </c>
      <c r="G1349" s="16">
        <v>118</v>
      </c>
      <c r="H1349" s="16">
        <v>1</v>
      </c>
      <c r="I1349" s="16">
        <v>118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1</v>
      </c>
      <c r="G1352" s="21">
        <v>118</v>
      </c>
      <c r="H1352" s="21">
        <v>1</v>
      </c>
      <c r="I1352" s="21">
        <v>118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1</v>
      </c>
      <c r="G1353" s="16">
        <v>118</v>
      </c>
      <c r="H1353" s="16">
        <v>1</v>
      </c>
      <c r="I1353" s="16">
        <v>118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0</v>
      </c>
      <c r="G1356" s="21">
        <v>0</v>
      </c>
      <c r="H1356" s="21">
        <v>0</v>
      </c>
      <c r="I1356" s="21">
        <v>0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0</v>
      </c>
      <c r="G1364" s="21">
        <v>0</v>
      </c>
      <c r="H1364" s="21">
        <v>0</v>
      </c>
      <c r="I1364" s="21">
        <v>0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0</v>
      </c>
      <c r="G1365" s="16">
        <v>0</v>
      </c>
      <c r="H1365" s="16">
        <v>0</v>
      </c>
      <c r="I1365" s="16">
        <v>0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5</v>
      </c>
      <c r="G1368" s="21">
        <v>530</v>
      </c>
      <c r="H1368" s="21">
        <v>5</v>
      </c>
      <c r="I1368" s="21">
        <v>530</v>
      </c>
      <c r="J1368" s="21">
        <v>0</v>
      </c>
      <c r="K1368" s="21">
        <v>0</v>
      </c>
      <c r="L1368" s="21">
        <v>0</v>
      </c>
      <c r="M1368" s="21">
        <v>0</v>
      </c>
      <c r="N1368" s="21">
        <v>0</v>
      </c>
      <c r="O1368" s="21">
        <v>0</v>
      </c>
      <c r="P1368" s="21">
        <v>0</v>
      </c>
      <c r="Q1368" s="21">
        <v>0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5</v>
      </c>
      <c r="G1369" s="16">
        <v>530</v>
      </c>
      <c r="H1369" s="16">
        <v>5</v>
      </c>
      <c r="I1369" s="16">
        <v>530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3</v>
      </c>
      <c r="G1372" s="21">
        <v>332</v>
      </c>
      <c r="H1372" s="21">
        <v>3</v>
      </c>
      <c r="I1372" s="21">
        <v>332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3</v>
      </c>
      <c r="G1373" s="16">
        <v>332</v>
      </c>
      <c r="H1373" s="16">
        <v>3</v>
      </c>
      <c r="I1373" s="16">
        <v>332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0</v>
      </c>
      <c r="G1376" s="21">
        <v>0</v>
      </c>
      <c r="H1376" s="21">
        <v>0</v>
      </c>
      <c r="I1376" s="21">
        <v>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2</v>
      </c>
      <c r="G1384" s="21">
        <v>198</v>
      </c>
      <c r="H1384" s="21">
        <v>2</v>
      </c>
      <c r="I1384" s="21">
        <v>198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2</v>
      </c>
      <c r="G1385" s="16">
        <v>198</v>
      </c>
      <c r="H1385" s="16">
        <v>2</v>
      </c>
      <c r="I1385" s="16">
        <v>198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5</v>
      </c>
      <c r="G1388" s="21">
        <v>530</v>
      </c>
      <c r="H1388" s="21">
        <v>5</v>
      </c>
      <c r="I1388" s="21">
        <v>530</v>
      </c>
      <c r="J1388" s="21">
        <v>0</v>
      </c>
      <c r="K1388" s="21">
        <v>0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5</v>
      </c>
      <c r="G1389" s="16">
        <v>530</v>
      </c>
      <c r="H1389" s="16">
        <v>5</v>
      </c>
      <c r="I1389" s="16">
        <v>530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3</v>
      </c>
      <c r="G1392" s="21">
        <v>332</v>
      </c>
      <c r="H1392" s="21">
        <v>3</v>
      </c>
      <c r="I1392" s="21">
        <v>332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3</v>
      </c>
      <c r="G1393" s="16">
        <v>332</v>
      </c>
      <c r="H1393" s="16">
        <v>3</v>
      </c>
      <c r="I1393" s="16">
        <v>332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2</v>
      </c>
      <c r="G1404" s="21">
        <v>198</v>
      </c>
      <c r="H1404" s="21">
        <v>2</v>
      </c>
      <c r="I1404" s="21">
        <v>198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2</v>
      </c>
      <c r="G1405" s="16">
        <v>198</v>
      </c>
      <c r="H1405" s="16">
        <v>2</v>
      </c>
      <c r="I1405" s="16">
        <v>198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0</v>
      </c>
      <c r="G1408" s="21">
        <v>0</v>
      </c>
      <c r="H1408" s="21">
        <v>0</v>
      </c>
      <c r="I1408" s="21">
        <v>0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0</v>
      </c>
      <c r="G1409" s="16">
        <v>0</v>
      </c>
      <c r="H1409" s="16">
        <v>0</v>
      </c>
      <c r="I1409" s="16">
        <v>0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0</v>
      </c>
      <c r="G1412" s="21">
        <v>0</v>
      </c>
      <c r="H1412" s="21">
        <v>0</v>
      </c>
      <c r="I1412" s="21">
        <v>0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0</v>
      </c>
      <c r="G1413" s="16">
        <v>0</v>
      </c>
      <c r="H1413" s="16">
        <v>0</v>
      </c>
      <c r="I1413" s="16">
        <v>0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5552</v>
      </c>
      <c r="F8" s="14">
        <v>392601</v>
      </c>
      <c r="G8" s="14">
        <v>1913</v>
      </c>
      <c r="H8" s="14">
        <v>204215</v>
      </c>
      <c r="I8" s="14">
        <v>59</v>
      </c>
      <c r="J8" s="14">
        <v>3312</v>
      </c>
      <c r="K8" s="14">
        <v>3580</v>
      </c>
      <c r="L8" s="14">
        <v>185074</v>
      </c>
    </row>
    <row r="9" spans="2:12" ht="12.95" customHeight="1" x14ac:dyDescent="0.15">
      <c r="B9" s="12"/>
      <c r="C9" s="12"/>
      <c r="D9" s="15" t="s">
        <v>143</v>
      </c>
      <c r="E9" s="16">
        <v>5538</v>
      </c>
      <c r="F9" s="16">
        <v>391131</v>
      </c>
      <c r="G9" s="16">
        <v>1899</v>
      </c>
      <c r="H9" s="16">
        <v>202745</v>
      </c>
      <c r="I9" s="16">
        <v>59</v>
      </c>
      <c r="J9" s="16">
        <v>3312</v>
      </c>
      <c r="K9" s="16">
        <v>3580</v>
      </c>
      <c r="L9" s="16">
        <v>185074</v>
      </c>
    </row>
    <row r="10" spans="2:12" ht="12.95" customHeight="1" x14ac:dyDescent="0.15">
      <c r="B10" s="12"/>
      <c r="C10" s="12"/>
      <c r="D10" s="15" t="s">
        <v>144</v>
      </c>
      <c r="E10" s="16">
        <v>14</v>
      </c>
      <c r="F10" s="16">
        <v>1470</v>
      </c>
      <c r="G10" s="16">
        <v>14</v>
      </c>
      <c r="H10" s="16">
        <v>1470</v>
      </c>
      <c r="I10" s="16">
        <v>0</v>
      </c>
      <c r="J10" s="16">
        <v>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5441</v>
      </c>
      <c r="F12" s="21">
        <v>382249</v>
      </c>
      <c r="G12" s="21">
        <v>1834</v>
      </c>
      <c r="H12" s="21">
        <v>195384</v>
      </c>
      <c r="I12" s="21">
        <v>57</v>
      </c>
      <c r="J12" s="21">
        <v>3174</v>
      </c>
      <c r="K12" s="21">
        <v>3550</v>
      </c>
      <c r="L12" s="21">
        <v>183691</v>
      </c>
    </row>
    <row r="13" spans="2:12" ht="12.95" customHeight="1" x14ac:dyDescent="0.15">
      <c r="B13" s="12"/>
      <c r="C13" s="12"/>
      <c r="D13" s="15" t="s">
        <v>143</v>
      </c>
      <c r="E13" s="16">
        <v>5427</v>
      </c>
      <c r="F13" s="16">
        <v>380779</v>
      </c>
      <c r="G13" s="16">
        <v>1820</v>
      </c>
      <c r="H13" s="16">
        <v>193914</v>
      </c>
      <c r="I13" s="16">
        <v>57</v>
      </c>
      <c r="J13" s="16">
        <v>3174</v>
      </c>
      <c r="K13" s="16">
        <v>3550</v>
      </c>
      <c r="L13" s="16">
        <v>183691</v>
      </c>
    </row>
    <row r="14" spans="2:12" ht="12.95" customHeight="1" x14ac:dyDescent="0.15">
      <c r="B14" s="12"/>
      <c r="C14" s="12"/>
      <c r="D14" s="15" t="s">
        <v>144</v>
      </c>
      <c r="E14" s="16">
        <v>14</v>
      </c>
      <c r="F14" s="16">
        <v>1470</v>
      </c>
      <c r="G14" s="16">
        <v>14</v>
      </c>
      <c r="H14" s="16">
        <v>1470</v>
      </c>
      <c r="I14" s="16">
        <v>0</v>
      </c>
      <c r="J14" s="16">
        <v>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11</v>
      </c>
      <c r="F16" s="21">
        <v>10352</v>
      </c>
      <c r="G16" s="21">
        <v>79</v>
      </c>
      <c r="H16" s="21">
        <v>8831</v>
      </c>
      <c r="I16" s="21">
        <v>2</v>
      </c>
      <c r="J16" s="21">
        <v>138</v>
      </c>
      <c r="K16" s="21">
        <v>30</v>
      </c>
      <c r="L16" s="21">
        <v>1383</v>
      </c>
    </row>
    <row r="17" spans="2:12" ht="12.95" customHeight="1" x14ac:dyDescent="0.15">
      <c r="B17" s="12"/>
      <c r="C17" s="12"/>
      <c r="D17" s="15" t="s">
        <v>143</v>
      </c>
      <c r="E17" s="16">
        <v>111</v>
      </c>
      <c r="F17" s="16">
        <v>10352</v>
      </c>
      <c r="G17" s="16">
        <v>79</v>
      </c>
      <c r="H17" s="16">
        <v>8831</v>
      </c>
      <c r="I17" s="16">
        <v>2</v>
      </c>
      <c r="J17" s="16">
        <v>138</v>
      </c>
      <c r="K17" s="16">
        <v>30</v>
      </c>
      <c r="L17" s="16">
        <v>1383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312</v>
      </c>
      <c r="F20" s="21">
        <v>157219</v>
      </c>
      <c r="G20" s="21">
        <v>733</v>
      </c>
      <c r="H20" s="21">
        <v>77671</v>
      </c>
      <c r="I20" s="21">
        <v>11</v>
      </c>
      <c r="J20" s="21">
        <v>758</v>
      </c>
      <c r="K20" s="21">
        <v>1568</v>
      </c>
      <c r="L20" s="21">
        <v>78790</v>
      </c>
    </row>
    <row r="21" spans="2:12" ht="12.95" customHeight="1" x14ac:dyDescent="0.15">
      <c r="B21" s="12"/>
      <c r="C21" s="12"/>
      <c r="D21" s="15" t="s">
        <v>143</v>
      </c>
      <c r="E21" s="16">
        <v>2307</v>
      </c>
      <c r="F21" s="16">
        <v>156674</v>
      </c>
      <c r="G21" s="16">
        <v>728</v>
      </c>
      <c r="H21" s="16">
        <v>77126</v>
      </c>
      <c r="I21" s="16">
        <v>11</v>
      </c>
      <c r="J21" s="16">
        <v>758</v>
      </c>
      <c r="K21" s="16">
        <v>1568</v>
      </c>
      <c r="L21" s="16">
        <v>78790</v>
      </c>
    </row>
    <row r="22" spans="2:12" ht="12.95" customHeight="1" x14ac:dyDescent="0.15">
      <c r="B22" s="12"/>
      <c r="C22" s="12"/>
      <c r="D22" s="15" t="s">
        <v>144</v>
      </c>
      <c r="E22" s="16">
        <v>5</v>
      </c>
      <c r="F22" s="16">
        <v>545</v>
      </c>
      <c r="G22" s="16">
        <v>5</v>
      </c>
      <c r="H22" s="16">
        <v>545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193</v>
      </c>
      <c r="F24" s="21">
        <v>10429</v>
      </c>
      <c r="G24" s="21">
        <v>43</v>
      </c>
      <c r="H24" s="21">
        <v>4529</v>
      </c>
      <c r="I24" s="21">
        <v>4</v>
      </c>
      <c r="J24" s="21">
        <v>314</v>
      </c>
      <c r="K24" s="21">
        <v>146</v>
      </c>
      <c r="L24" s="21">
        <v>5586</v>
      </c>
    </row>
    <row r="25" spans="2:12" ht="12.95" customHeight="1" x14ac:dyDescent="0.15">
      <c r="B25" s="12"/>
      <c r="C25" s="12"/>
      <c r="D25" s="15" t="s">
        <v>143</v>
      </c>
      <c r="E25" s="16">
        <v>193</v>
      </c>
      <c r="F25" s="16">
        <v>10429</v>
      </c>
      <c r="G25" s="16">
        <v>43</v>
      </c>
      <c r="H25" s="16">
        <v>4529</v>
      </c>
      <c r="I25" s="16">
        <v>4</v>
      </c>
      <c r="J25" s="16">
        <v>314</v>
      </c>
      <c r="K25" s="16">
        <v>146</v>
      </c>
      <c r="L25" s="16">
        <v>5586</v>
      </c>
    </row>
    <row r="26" spans="2:12" ht="12.95" customHeight="1" x14ac:dyDescent="0.15">
      <c r="B26" s="12"/>
      <c r="C26" s="12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145</v>
      </c>
      <c r="F28" s="21">
        <v>7380</v>
      </c>
      <c r="G28" s="21">
        <v>29</v>
      </c>
      <c r="H28" s="21">
        <v>3480</v>
      </c>
      <c r="I28" s="21">
        <v>0</v>
      </c>
      <c r="J28" s="21">
        <v>0</v>
      </c>
      <c r="K28" s="21">
        <v>116</v>
      </c>
      <c r="L28" s="21">
        <v>3900</v>
      </c>
    </row>
    <row r="29" spans="2:12" ht="12.95" customHeight="1" x14ac:dyDescent="0.15">
      <c r="B29" s="12"/>
      <c r="C29" s="12"/>
      <c r="D29" s="15" t="s">
        <v>143</v>
      </c>
      <c r="E29" s="16">
        <v>145</v>
      </c>
      <c r="F29" s="16">
        <v>7380</v>
      </c>
      <c r="G29" s="16">
        <v>29</v>
      </c>
      <c r="H29" s="16">
        <v>3480</v>
      </c>
      <c r="I29" s="16">
        <v>0</v>
      </c>
      <c r="J29" s="16">
        <v>0</v>
      </c>
      <c r="K29" s="16">
        <v>116</v>
      </c>
      <c r="L29" s="16">
        <v>3900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387</v>
      </c>
      <c r="F32" s="21">
        <v>30645</v>
      </c>
      <c r="G32" s="21">
        <v>17</v>
      </c>
      <c r="H32" s="21">
        <v>2289</v>
      </c>
      <c r="I32" s="21">
        <v>2</v>
      </c>
      <c r="J32" s="21">
        <v>91</v>
      </c>
      <c r="K32" s="21">
        <v>368</v>
      </c>
      <c r="L32" s="21">
        <v>28265</v>
      </c>
    </row>
    <row r="33" spans="2:12" ht="12.95" customHeight="1" x14ac:dyDescent="0.15">
      <c r="B33" s="12"/>
      <c r="C33" s="12"/>
      <c r="D33" s="15" t="s">
        <v>143</v>
      </c>
      <c r="E33" s="16">
        <v>385</v>
      </c>
      <c r="F33" s="16">
        <v>30434</v>
      </c>
      <c r="G33" s="16">
        <v>15</v>
      </c>
      <c r="H33" s="16">
        <v>2078</v>
      </c>
      <c r="I33" s="16">
        <v>2</v>
      </c>
      <c r="J33" s="16">
        <v>91</v>
      </c>
      <c r="K33" s="16">
        <v>368</v>
      </c>
      <c r="L33" s="16">
        <v>28265</v>
      </c>
    </row>
    <row r="34" spans="2:12" ht="12.95" customHeight="1" x14ac:dyDescent="0.15">
      <c r="B34" s="12"/>
      <c r="C34" s="12"/>
      <c r="D34" s="15" t="s">
        <v>144</v>
      </c>
      <c r="E34" s="16">
        <v>2</v>
      </c>
      <c r="F34" s="16">
        <v>211</v>
      </c>
      <c r="G34" s="16">
        <v>2</v>
      </c>
      <c r="H34" s="16">
        <v>211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125</v>
      </c>
      <c r="F36" s="21">
        <v>8681</v>
      </c>
      <c r="G36" s="21">
        <v>20</v>
      </c>
      <c r="H36" s="21">
        <v>2342</v>
      </c>
      <c r="I36" s="21">
        <v>0</v>
      </c>
      <c r="J36" s="21">
        <v>0</v>
      </c>
      <c r="K36" s="21">
        <v>105</v>
      </c>
      <c r="L36" s="21">
        <v>6339</v>
      </c>
    </row>
    <row r="37" spans="2:12" ht="12.95" customHeight="1" x14ac:dyDescent="0.15">
      <c r="B37" s="12"/>
      <c r="C37" s="12"/>
      <c r="D37" s="15" t="s">
        <v>143</v>
      </c>
      <c r="E37" s="16">
        <v>125</v>
      </c>
      <c r="F37" s="16">
        <v>8681</v>
      </c>
      <c r="G37" s="16">
        <v>20</v>
      </c>
      <c r="H37" s="16">
        <v>2342</v>
      </c>
      <c r="I37" s="16">
        <v>0</v>
      </c>
      <c r="J37" s="16">
        <v>0</v>
      </c>
      <c r="K37" s="16">
        <v>105</v>
      </c>
      <c r="L37" s="16">
        <v>6339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311</v>
      </c>
      <c r="F40" s="21">
        <v>12816</v>
      </c>
      <c r="G40" s="21">
        <v>38</v>
      </c>
      <c r="H40" s="21">
        <v>3986</v>
      </c>
      <c r="I40" s="21">
        <v>0</v>
      </c>
      <c r="J40" s="21">
        <v>0</v>
      </c>
      <c r="K40" s="21">
        <v>273</v>
      </c>
      <c r="L40" s="21">
        <v>8830</v>
      </c>
    </row>
    <row r="41" spans="2:12" ht="12.95" customHeight="1" x14ac:dyDescent="0.15">
      <c r="B41" s="12"/>
      <c r="C41" s="12"/>
      <c r="D41" s="15" t="s">
        <v>143</v>
      </c>
      <c r="E41" s="16">
        <v>311</v>
      </c>
      <c r="F41" s="16">
        <v>12816</v>
      </c>
      <c r="G41" s="16">
        <v>38</v>
      </c>
      <c r="H41" s="16">
        <v>3986</v>
      </c>
      <c r="I41" s="16">
        <v>0</v>
      </c>
      <c r="J41" s="16">
        <v>0</v>
      </c>
      <c r="K41" s="16">
        <v>273</v>
      </c>
      <c r="L41" s="16">
        <v>8830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12</v>
      </c>
      <c r="F44" s="21">
        <v>8930</v>
      </c>
      <c r="G44" s="21">
        <v>46</v>
      </c>
      <c r="H44" s="21">
        <v>4569</v>
      </c>
      <c r="I44" s="21">
        <v>0</v>
      </c>
      <c r="J44" s="21">
        <v>0</v>
      </c>
      <c r="K44" s="21">
        <v>66</v>
      </c>
      <c r="L44" s="21">
        <v>4361</v>
      </c>
    </row>
    <row r="45" spans="2:12" ht="12.95" customHeight="1" x14ac:dyDescent="0.15">
      <c r="B45" s="12"/>
      <c r="C45" s="12"/>
      <c r="D45" s="15" t="s">
        <v>143</v>
      </c>
      <c r="E45" s="16">
        <v>112</v>
      </c>
      <c r="F45" s="16">
        <v>8930</v>
      </c>
      <c r="G45" s="16">
        <v>46</v>
      </c>
      <c r="H45" s="16">
        <v>4569</v>
      </c>
      <c r="I45" s="16">
        <v>0</v>
      </c>
      <c r="J45" s="16">
        <v>0</v>
      </c>
      <c r="K45" s="16">
        <v>66</v>
      </c>
      <c r="L45" s="16">
        <v>4361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96</v>
      </c>
      <c r="F48" s="21">
        <v>6292</v>
      </c>
      <c r="G48" s="21">
        <v>47</v>
      </c>
      <c r="H48" s="21">
        <v>4764</v>
      </c>
      <c r="I48" s="21">
        <v>0</v>
      </c>
      <c r="J48" s="21">
        <v>0</v>
      </c>
      <c r="K48" s="21">
        <v>49</v>
      </c>
      <c r="L48" s="21">
        <v>1528</v>
      </c>
    </row>
    <row r="49" spans="2:12" ht="12.95" customHeight="1" x14ac:dyDescent="0.15">
      <c r="B49" s="12"/>
      <c r="C49" s="12"/>
      <c r="D49" s="15" t="s">
        <v>143</v>
      </c>
      <c r="E49" s="16">
        <v>96</v>
      </c>
      <c r="F49" s="16">
        <v>6292</v>
      </c>
      <c r="G49" s="16">
        <v>47</v>
      </c>
      <c r="H49" s="16">
        <v>4764</v>
      </c>
      <c r="I49" s="16">
        <v>0</v>
      </c>
      <c r="J49" s="16">
        <v>0</v>
      </c>
      <c r="K49" s="16">
        <v>49</v>
      </c>
      <c r="L49" s="16">
        <v>1528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54</v>
      </c>
      <c r="F52" s="21">
        <v>3769</v>
      </c>
      <c r="G52" s="21">
        <v>32</v>
      </c>
      <c r="H52" s="21">
        <v>3482</v>
      </c>
      <c r="I52" s="21">
        <v>0</v>
      </c>
      <c r="J52" s="21">
        <v>0</v>
      </c>
      <c r="K52" s="21">
        <v>22</v>
      </c>
      <c r="L52" s="21">
        <v>287</v>
      </c>
    </row>
    <row r="53" spans="2:12" ht="12.95" customHeight="1" x14ac:dyDescent="0.15">
      <c r="B53" s="12"/>
      <c r="C53" s="12"/>
      <c r="D53" s="15" t="s">
        <v>143</v>
      </c>
      <c r="E53" s="16">
        <v>54</v>
      </c>
      <c r="F53" s="16">
        <v>3769</v>
      </c>
      <c r="G53" s="16">
        <v>32</v>
      </c>
      <c r="H53" s="16">
        <v>3482</v>
      </c>
      <c r="I53" s="16">
        <v>0</v>
      </c>
      <c r="J53" s="16">
        <v>0</v>
      </c>
      <c r="K53" s="16">
        <v>22</v>
      </c>
      <c r="L53" s="16">
        <v>287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220</v>
      </c>
      <c r="F56" s="21">
        <v>14551</v>
      </c>
      <c r="G56" s="21">
        <v>63</v>
      </c>
      <c r="H56" s="21">
        <v>6403</v>
      </c>
      <c r="I56" s="21">
        <v>0</v>
      </c>
      <c r="J56" s="21">
        <v>0</v>
      </c>
      <c r="K56" s="21">
        <v>157</v>
      </c>
      <c r="L56" s="21">
        <v>8148</v>
      </c>
    </row>
    <row r="57" spans="2:12" ht="12.95" customHeight="1" x14ac:dyDescent="0.15">
      <c r="B57" s="12"/>
      <c r="C57" s="12"/>
      <c r="D57" s="15" t="s">
        <v>143</v>
      </c>
      <c r="E57" s="16">
        <v>219</v>
      </c>
      <c r="F57" s="16">
        <v>14455</v>
      </c>
      <c r="G57" s="16">
        <v>62</v>
      </c>
      <c r="H57" s="16">
        <v>6307</v>
      </c>
      <c r="I57" s="16">
        <v>0</v>
      </c>
      <c r="J57" s="16">
        <v>0</v>
      </c>
      <c r="K57" s="16">
        <v>157</v>
      </c>
      <c r="L57" s="16">
        <v>8148</v>
      </c>
    </row>
    <row r="58" spans="2:12" ht="12.95" customHeight="1" x14ac:dyDescent="0.15">
      <c r="B58" s="12"/>
      <c r="C58" s="12"/>
      <c r="D58" s="15" t="s">
        <v>144</v>
      </c>
      <c r="E58" s="16">
        <v>1</v>
      </c>
      <c r="F58" s="16">
        <v>96</v>
      </c>
      <c r="G58" s="16">
        <v>1</v>
      </c>
      <c r="H58" s="16">
        <v>96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83</v>
      </c>
      <c r="F60" s="21">
        <v>6670</v>
      </c>
      <c r="G60" s="21">
        <v>50</v>
      </c>
      <c r="H60" s="21">
        <v>5210</v>
      </c>
      <c r="I60" s="21">
        <v>0</v>
      </c>
      <c r="J60" s="21">
        <v>0</v>
      </c>
      <c r="K60" s="21">
        <v>33</v>
      </c>
      <c r="L60" s="21">
        <v>1460</v>
      </c>
    </row>
    <row r="61" spans="2:12" ht="12.95" customHeight="1" x14ac:dyDescent="0.15">
      <c r="B61" s="12"/>
      <c r="C61" s="12"/>
      <c r="D61" s="15" t="s">
        <v>143</v>
      </c>
      <c r="E61" s="16">
        <v>83</v>
      </c>
      <c r="F61" s="16">
        <v>6670</v>
      </c>
      <c r="G61" s="16">
        <v>50</v>
      </c>
      <c r="H61" s="16">
        <v>5210</v>
      </c>
      <c r="I61" s="16">
        <v>0</v>
      </c>
      <c r="J61" s="16">
        <v>0</v>
      </c>
      <c r="K61" s="16">
        <v>33</v>
      </c>
      <c r="L61" s="16">
        <v>1460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142</v>
      </c>
      <c r="F64" s="21">
        <v>9093</v>
      </c>
      <c r="G64" s="21">
        <v>73</v>
      </c>
      <c r="H64" s="21">
        <v>6398</v>
      </c>
      <c r="I64" s="21">
        <v>0</v>
      </c>
      <c r="J64" s="21">
        <v>0</v>
      </c>
      <c r="K64" s="21">
        <v>69</v>
      </c>
      <c r="L64" s="21">
        <v>2695</v>
      </c>
    </row>
    <row r="65" spans="2:12" ht="12.95" customHeight="1" x14ac:dyDescent="0.15">
      <c r="B65" s="12"/>
      <c r="C65" s="12"/>
      <c r="D65" s="15" t="s">
        <v>143</v>
      </c>
      <c r="E65" s="16">
        <v>142</v>
      </c>
      <c r="F65" s="16">
        <v>9093</v>
      </c>
      <c r="G65" s="16">
        <v>73</v>
      </c>
      <c r="H65" s="16">
        <v>6398</v>
      </c>
      <c r="I65" s="16">
        <v>0</v>
      </c>
      <c r="J65" s="16">
        <v>0</v>
      </c>
      <c r="K65" s="16">
        <v>69</v>
      </c>
      <c r="L65" s="16">
        <v>2695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90</v>
      </c>
      <c r="F68" s="21">
        <v>7364</v>
      </c>
      <c r="G68" s="21">
        <v>63</v>
      </c>
      <c r="H68" s="21">
        <v>6418</v>
      </c>
      <c r="I68" s="21">
        <v>5</v>
      </c>
      <c r="J68" s="21">
        <v>353</v>
      </c>
      <c r="K68" s="21">
        <v>22</v>
      </c>
      <c r="L68" s="21">
        <v>593</v>
      </c>
    </row>
    <row r="69" spans="2:12" ht="12.95" customHeight="1" x14ac:dyDescent="0.15">
      <c r="B69" s="12"/>
      <c r="C69" s="12"/>
      <c r="D69" s="15" t="s">
        <v>143</v>
      </c>
      <c r="E69" s="16">
        <v>89</v>
      </c>
      <c r="F69" s="16">
        <v>7260</v>
      </c>
      <c r="G69" s="16">
        <v>62</v>
      </c>
      <c r="H69" s="16">
        <v>6314</v>
      </c>
      <c r="I69" s="16">
        <v>5</v>
      </c>
      <c r="J69" s="16">
        <v>353</v>
      </c>
      <c r="K69" s="16">
        <v>22</v>
      </c>
      <c r="L69" s="16">
        <v>593</v>
      </c>
    </row>
    <row r="70" spans="2:12" ht="12.95" customHeight="1" x14ac:dyDescent="0.15">
      <c r="B70" s="12"/>
      <c r="C70" s="12"/>
      <c r="D70" s="15" t="s">
        <v>144</v>
      </c>
      <c r="E70" s="16">
        <v>1</v>
      </c>
      <c r="F70" s="16">
        <v>104</v>
      </c>
      <c r="G70" s="16">
        <v>1</v>
      </c>
      <c r="H70" s="16">
        <v>104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87</v>
      </c>
      <c r="F72" s="21">
        <v>5564</v>
      </c>
      <c r="G72" s="21">
        <v>32</v>
      </c>
      <c r="H72" s="21">
        <v>3410</v>
      </c>
      <c r="I72" s="21">
        <v>0</v>
      </c>
      <c r="J72" s="21">
        <v>0</v>
      </c>
      <c r="K72" s="21">
        <v>55</v>
      </c>
      <c r="L72" s="21">
        <v>2154</v>
      </c>
    </row>
    <row r="73" spans="2:12" ht="12.95" customHeight="1" x14ac:dyDescent="0.15">
      <c r="B73" s="12"/>
      <c r="C73" s="12"/>
      <c r="D73" s="15" t="s">
        <v>143</v>
      </c>
      <c r="E73" s="16">
        <v>87</v>
      </c>
      <c r="F73" s="16">
        <v>5564</v>
      </c>
      <c r="G73" s="16">
        <v>32</v>
      </c>
      <c r="H73" s="16">
        <v>3410</v>
      </c>
      <c r="I73" s="16">
        <v>0</v>
      </c>
      <c r="J73" s="16">
        <v>0</v>
      </c>
      <c r="K73" s="16">
        <v>55</v>
      </c>
      <c r="L73" s="16">
        <v>2154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37</v>
      </c>
      <c r="F76" s="21">
        <v>2895</v>
      </c>
      <c r="G76" s="21">
        <v>23</v>
      </c>
      <c r="H76" s="21">
        <v>2271</v>
      </c>
      <c r="I76" s="21">
        <v>0</v>
      </c>
      <c r="J76" s="21">
        <v>0</v>
      </c>
      <c r="K76" s="21">
        <v>14</v>
      </c>
      <c r="L76" s="21">
        <v>624</v>
      </c>
    </row>
    <row r="77" spans="2:12" ht="12.95" customHeight="1" x14ac:dyDescent="0.15">
      <c r="B77" s="12"/>
      <c r="C77" s="12"/>
      <c r="D77" s="15" t="s">
        <v>143</v>
      </c>
      <c r="E77" s="16">
        <v>37</v>
      </c>
      <c r="F77" s="16">
        <v>2895</v>
      </c>
      <c r="G77" s="16">
        <v>23</v>
      </c>
      <c r="H77" s="16">
        <v>2271</v>
      </c>
      <c r="I77" s="16">
        <v>0</v>
      </c>
      <c r="J77" s="16">
        <v>0</v>
      </c>
      <c r="K77" s="16">
        <v>14</v>
      </c>
      <c r="L77" s="16">
        <v>624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21</v>
      </c>
      <c r="F80" s="21">
        <v>2645</v>
      </c>
      <c r="G80" s="21">
        <v>21</v>
      </c>
      <c r="H80" s="21">
        <v>2645</v>
      </c>
      <c r="I80" s="21">
        <v>0</v>
      </c>
      <c r="J80" s="21">
        <v>0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143</v>
      </c>
      <c r="E81" s="16">
        <v>21</v>
      </c>
      <c r="F81" s="16">
        <v>2645</v>
      </c>
      <c r="G81" s="16">
        <v>21</v>
      </c>
      <c r="H81" s="16">
        <v>2645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68</v>
      </c>
      <c r="F84" s="21">
        <v>5380</v>
      </c>
      <c r="G84" s="21">
        <v>37</v>
      </c>
      <c r="H84" s="21">
        <v>3935</v>
      </c>
      <c r="I84" s="21">
        <v>0</v>
      </c>
      <c r="J84" s="21">
        <v>0</v>
      </c>
      <c r="K84" s="21">
        <v>31</v>
      </c>
      <c r="L84" s="21">
        <v>1445</v>
      </c>
    </row>
    <row r="85" spans="2:12" ht="12.95" customHeight="1" x14ac:dyDescent="0.15">
      <c r="B85" s="12"/>
      <c r="C85" s="12"/>
      <c r="D85" s="15" t="s">
        <v>143</v>
      </c>
      <c r="E85" s="16">
        <v>68</v>
      </c>
      <c r="F85" s="16">
        <v>5380</v>
      </c>
      <c r="G85" s="16">
        <v>37</v>
      </c>
      <c r="H85" s="16">
        <v>3935</v>
      </c>
      <c r="I85" s="16">
        <v>0</v>
      </c>
      <c r="J85" s="16">
        <v>0</v>
      </c>
      <c r="K85" s="16">
        <v>31</v>
      </c>
      <c r="L85" s="16">
        <v>1445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62</v>
      </c>
      <c r="F88" s="21">
        <v>6374</v>
      </c>
      <c r="G88" s="21">
        <v>51</v>
      </c>
      <c r="H88" s="21">
        <v>5826</v>
      </c>
      <c r="I88" s="21">
        <v>0</v>
      </c>
      <c r="J88" s="21">
        <v>0</v>
      </c>
      <c r="K88" s="21">
        <v>11</v>
      </c>
      <c r="L88" s="21">
        <v>548</v>
      </c>
    </row>
    <row r="89" spans="2:12" ht="12.95" customHeight="1" x14ac:dyDescent="0.15">
      <c r="B89" s="12"/>
      <c r="C89" s="12"/>
      <c r="D89" s="15" t="s">
        <v>143</v>
      </c>
      <c r="E89" s="16">
        <v>61</v>
      </c>
      <c r="F89" s="16">
        <v>6240</v>
      </c>
      <c r="G89" s="16">
        <v>50</v>
      </c>
      <c r="H89" s="16">
        <v>5692</v>
      </c>
      <c r="I89" s="16">
        <v>0</v>
      </c>
      <c r="J89" s="16">
        <v>0</v>
      </c>
      <c r="K89" s="16">
        <v>11</v>
      </c>
      <c r="L89" s="16">
        <v>548</v>
      </c>
    </row>
    <row r="90" spans="2:12" ht="12.95" customHeight="1" x14ac:dyDescent="0.15">
      <c r="B90" s="12"/>
      <c r="C90" s="12"/>
      <c r="D90" s="15" t="s">
        <v>144</v>
      </c>
      <c r="E90" s="16">
        <v>1</v>
      </c>
      <c r="F90" s="16">
        <v>134</v>
      </c>
      <c r="G90" s="16">
        <v>1</v>
      </c>
      <c r="H90" s="16">
        <v>134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79</v>
      </c>
      <c r="F92" s="21">
        <v>7741</v>
      </c>
      <c r="G92" s="21">
        <v>48</v>
      </c>
      <c r="H92" s="21">
        <v>5714</v>
      </c>
      <c r="I92" s="21">
        <v>0</v>
      </c>
      <c r="J92" s="21">
        <v>0</v>
      </c>
      <c r="K92" s="21">
        <v>31</v>
      </c>
      <c r="L92" s="21">
        <v>2027</v>
      </c>
    </row>
    <row r="93" spans="2:12" ht="12.95" customHeight="1" x14ac:dyDescent="0.15">
      <c r="B93" s="12"/>
      <c r="C93" s="12"/>
      <c r="D93" s="15" t="s">
        <v>143</v>
      </c>
      <c r="E93" s="16">
        <v>79</v>
      </c>
      <c r="F93" s="16">
        <v>7741</v>
      </c>
      <c r="G93" s="16">
        <v>48</v>
      </c>
      <c r="H93" s="16">
        <v>5714</v>
      </c>
      <c r="I93" s="16">
        <v>0</v>
      </c>
      <c r="J93" s="16">
        <v>0</v>
      </c>
      <c r="K93" s="16">
        <v>31</v>
      </c>
      <c r="L93" s="16">
        <v>2027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901</v>
      </c>
      <c r="F96" s="21">
        <v>55891</v>
      </c>
      <c r="G96" s="21">
        <v>272</v>
      </c>
      <c r="H96" s="21">
        <v>29033</v>
      </c>
      <c r="I96" s="21">
        <v>16</v>
      </c>
      <c r="J96" s="21">
        <v>753</v>
      </c>
      <c r="K96" s="21">
        <v>613</v>
      </c>
      <c r="L96" s="21">
        <v>26105</v>
      </c>
    </row>
    <row r="97" spans="2:12" ht="12.95" customHeight="1" x14ac:dyDescent="0.15">
      <c r="B97" s="12"/>
      <c r="C97" s="12"/>
      <c r="D97" s="15" t="s">
        <v>143</v>
      </c>
      <c r="E97" s="16">
        <v>898</v>
      </c>
      <c r="F97" s="16">
        <v>55557</v>
      </c>
      <c r="G97" s="16">
        <v>269</v>
      </c>
      <c r="H97" s="16">
        <v>28699</v>
      </c>
      <c r="I97" s="16">
        <v>16</v>
      </c>
      <c r="J97" s="16">
        <v>753</v>
      </c>
      <c r="K97" s="16">
        <v>613</v>
      </c>
      <c r="L97" s="16">
        <v>26105</v>
      </c>
    </row>
    <row r="98" spans="2:12" ht="12.95" customHeight="1" x14ac:dyDescent="0.15">
      <c r="B98" s="12"/>
      <c r="C98" s="12"/>
      <c r="D98" s="15" t="s">
        <v>144</v>
      </c>
      <c r="E98" s="16">
        <v>3</v>
      </c>
      <c r="F98" s="16">
        <v>334</v>
      </c>
      <c r="G98" s="16">
        <v>3</v>
      </c>
      <c r="H98" s="16">
        <v>334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175</v>
      </c>
      <c r="F100" s="21">
        <v>7535</v>
      </c>
      <c r="G100" s="21">
        <v>32</v>
      </c>
      <c r="H100" s="21">
        <v>3318</v>
      </c>
      <c r="I100" s="21">
        <v>0</v>
      </c>
      <c r="J100" s="21">
        <v>0</v>
      </c>
      <c r="K100" s="21">
        <v>143</v>
      </c>
      <c r="L100" s="21">
        <v>4217</v>
      </c>
    </row>
    <row r="101" spans="2:12" ht="12.95" customHeight="1" x14ac:dyDescent="0.15">
      <c r="B101" s="12"/>
      <c r="C101" s="12"/>
      <c r="D101" s="15" t="s">
        <v>143</v>
      </c>
      <c r="E101" s="16">
        <v>173</v>
      </c>
      <c r="F101" s="16">
        <v>7311</v>
      </c>
      <c r="G101" s="16">
        <v>30</v>
      </c>
      <c r="H101" s="16">
        <v>3094</v>
      </c>
      <c r="I101" s="16">
        <v>0</v>
      </c>
      <c r="J101" s="16">
        <v>0</v>
      </c>
      <c r="K101" s="16">
        <v>143</v>
      </c>
      <c r="L101" s="16">
        <v>4217</v>
      </c>
    </row>
    <row r="102" spans="2:12" ht="12.95" customHeight="1" x14ac:dyDescent="0.15">
      <c r="B102" s="12"/>
      <c r="C102" s="12"/>
      <c r="D102" s="15" t="s">
        <v>144</v>
      </c>
      <c r="E102" s="16">
        <v>2</v>
      </c>
      <c r="F102" s="16">
        <v>224</v>
      </c>
      <c r="G102" s="16">
        <v>2</v>
      </c>
      <c r="H102" s="16">
        <v>224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101</v>
      </c>
      <c r="F104" s="21">
        <v>8231</v>
      </c>
      <c r="G104" s="21">
        <v>24</v>
      </c>
      <c r="H104" s="21">
        <v>2642</v>
      </c>
      <c r="I104" s="21">
        <v>2</v>
      </c>
      <c r="J104" s="21">
        <v>96</v>
      </c>
      <c r="K104" s="21">
        <v>75</v>
      </c>
      <c r="L104" s="21">
        <v>5493</v>
      </c>
    </row>
    <row r="105" spans="2:12" ht="12.95" customHeight="1" x14ac:dyDescent="0.15">
      <c r="B105" s="12"/>
      <c r="C105" s="12"/>
      <c r="D105" s="15" t="s">
        <v>143</v>
      </c>
      <c r="E105" s="16">
        <v>101</v>
      </c>
      <c r="F105" s="16">
        <v>8231</v>
      </c>
      <c r="G105" s="16">
        <v>24</v>
      </c>
      <c r="H105" s="16">
        <v>2642</v>
      </c>
      <c r="I105" s="16">
        <v>2</v>
      </c>
      <c r="J105" s="16">
        <v>96</v>
      </c>
      <c r="K105" s="16">
        <v>75</v>
      </c>
      <c r="L105" s="16">
        <v>5493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56</v>
      </c>
      <c r="F108" s="21">
        <v>9294</v>
      </c>
      <c r="G108" s="21">
        <v>51</v>
      </c>
      <c r="H108" s="21">
        <v>4787</v>
      </c>
      <c r="I108" s="21">
        <v>2</v>
      </c>
      <c r="J108" s="21">
        <v>82</v>
      </c>
      <c r="K108" s="21">
        <v>103</v>
      </c>
      <c r="L108" s="21">
        <v>4425</v>
      </c>
    </row>
    <row r="109" spans="2:12" ht="12.95" customHeight="1" x14ac:dyDescent="0.15">
      <c r="B109" s="12"/>
      <c r="C109" s="12"/>
      <c r="D109" s="15" t="s">
        <v>143</v>
      </c>
      <c r="E109" s="16">
        <v>156</v>
      </c>
      <c r="F109" s="16">
        <v>9294</v>
      </c>
      <c r="G109" s="16">
        <v>51</v>
      </c>
      <c r="H109" s="16">
        <v>4787</v>
      </c>
      <c r="I109" s="16">
        <v>2</v>
      </c>
      <c r="J109" s="16">
        <v>82</v>
      </c>
      <c r="K109" s="16">
        <v>103</v>
      </c>
      <c r="L109" s="16">
        <v>4425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108</v>
      </c>
      <c r="F112" s="21">
        <v>6966</v>
      </c>
      <c r="G112" s="21">
        <v>38</v>
      </c>
      <c r="H112" s="21">
        <v>4014</v>
      </c>
      <c r="I112" s="21">
        <v>10</v>
      </c>
      <c r="J112" s="21">
        <v>484</v>
      </c>
      <c r="K112" s="21">
        <v>60</v>
      </c>
      <c r="L112" s="21">
        <v>2468</v>
      </c>
    </row>
    <row r="113" spans="2:12" ht="12.95" customHeight="1" x14ac:dyDescent="0.15">
      <c r="B113" s="12"/>
      <c r="C113" s="12"/>
      <c r="D113" s="15" t="s">
        <v>143</v>
      </c>
      <c r="E113" s="16">
        <v>107</v>
      </c>
      <c r="F113" s="16">
        <v>6856</v>
      </c>
      <c r="G113" s="16">
        <v>37</v>
      </c>
      <c r="H113" s="16">
        <v>3904</v>
      </c>
      <c r="I113" s="16">
        <v>10</v>
      </c>
      <c r="J113" s="16">
        <v>484</v>
      </c>
      <c r="K113" s="16">
        <v>60</v>
      </c>
      <c r="L113" s="16">
        <v>2468</v>
      </c>
    </row>
    <row r="114" spans="2:12" ht="12.95" customHeight="1" x14ac:dyDescent="0.15">
      <c r="B114" s="12"/>
      <c r="C114" s="12"/>
      <c r="D114" s="15" t="s">
        <v>144</v>
      </c>
      <c r="E114" s="16">
        <v>1</v>
      </c>
      <c r="F114" s="16">
        <v>110</v>
      </c>
      <c r="G114" s="16">
        <v>1</v>
      </c>
      <c r="H114" s="16">
        <v>11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170</v>
      </c>
      <c r="F116" s="21">
        <v>11367</v>
      </c>
      <c r="G116" s="21">
        <v>57</v>
      </c>
      <c r="H116" s="21">
        <v>6418</v>
      </c>
      <c r="I116" s="21">
        <v>2</v>
      </c>
      <c r="J116" s="21">
        <v>91</v>
      </c>
      <c r="K116" s="21">
        <v>111</v>
      </c>
      <c r="L116" s="21">
        <v>4858</v>
      </c>
    </row>
    <row r="117" spans="2:12" ht="12.95" customHeight="1" x14ac:dyDescent="0.15">
      <c r="B117" s="12"/>
      <c r="C117" s="12"/>
      <c r="D117" s="15" t="s">
        <v>143</v>
      </c>
      <c r="E117" s="16">
        <v>170</v>
      </c>
      <c r="F117" s="16">
        <v>11367</v>
      </c>
      <c r="G117" s="16">
        <v>57</v>
      </c>
      <c r="H117" s="16">
        <v>6418</v>
      </c>
      <c r="I117" s="16">
        <v>2</v>
      </c>
      <c r="J117" s="16">
        <v>91</v>
      </c>
      <c r="K117" s="16">
        <v>111</v>
      </c>
      <c r="L117" s="16">
        <v>4858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144</v>
      </c>
      <c r="F120" s="21">
        <v>8354</v>
      </c>
      <c r="G120" s="21">
        <v>41</v>
      </c>
      <c r="H120" s="21">
        <v>4384</v>
      </c>
      <c r="I120" s="21">
        <v>0</v>
      </c>
      <c r="J120" s="21">
        <v>0</v>
      </c>
      <c r="K120" s="21">
        <v>103</v>
      </c>
      <c r="L120" s="21">
        <v>3970</v>
      </c>
    </row>
    <row r="121" spans="2:12" ht="12.95" customHeight="1" x14ac:dyDescent="0.15">
      <c r="B121" s="12"/>
      <c r="C121" s="12"/>
      <c r="D121" s="15" t="s">
        <v>143</v>
      </c>
      <c r="E121" s="16">
        <v>144</v>
      </c>
      <c r="F121" s="16">
        <v>8354</v>
      </c>
      <c r="G121" s="16">
        <v>41</v>
      </c>
      <c r="H121" s="16">
        <v>4384</v>
      </c>
      <c r="I121" s="16">
        <v>0</v>
      </c>
      <c r="J121" s="16">
        <v>0</v>
      </c>
      <c r="K121" s="16">
        <v>103</v>
      </c>
      <c r="L121" s="16">
        <v>3970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47</v>
      </c>
      <c r="F124" s="21">
        <v>4144</v>
      </c>
      <c r="G124" s="21">
        <v>29</v>
      </c>
      <c r="H124" s="21">
        <v>3470</v>
      </c>
      <c r="I124" s="21">
        <v>0</v>
      </c>
      <c r="J124" s="21">
        <v>0</v>
      </c>
      <c r="K124" s="21">
        <v>18</v>
      </c>
      <c r="L124" s="21">
        <v>674</v>
      </c>
    </row>
    <row r="125" spans="2:12" ht="12.95" customHeight="1" x14ac:dyDescent="0.15">
      <c r="B125" s="12"/>
      <c r="C125" s="12"/>
      <c r="D125" s="15" t="s">
        <v>143</v>
      </c>
      <c r="E125" s="16">
        <v>47</v>
      </c>
      <c r="F125" s="16">
        <v>4144</v>
      </c>
      <c r="G125" s="16">
        <v>29</v>
      </c>
      <c r="H125" s="16">
        <v>3470</v>
      </c>
      <c r="I125" s="16">
        <v>0</v>
      </c>
      <c r="J125" s="16">
        <v>0</v>
      </c>
      <c r="K125" s="16">
        <v>18</v>
      </c>
      <c r="L125" s="16">
        <v>674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487</v>
      </c>
      <c r="F128" s="21">
        <v>33507</v>
      </c>
      <c r="G128" s="21">
        <v>163</v>
      </c>
      <c r="H128" s="21">
        <v>16533</v>
      </c>
      <c r="I128" s="21">
        <v>2</v>
      </c>
      <c r="J128" s="21">
        <v>230</v>
      </c>
      <c r="K128" s="21">
        <v>322</v>
      </c>
      <c r="L128" s="21">
        <v>16744</v>
      </c>
    </row>
    <row r="129" spans="2:12" ht="12.95" customHeight="1" x14ac:dyDescent="0.15">
      <c r="B129" s="12"/>
      <c r="C129" s="12"/>
      <c r="D129" s="15" t="s">
        <v>143</v>
      </c>
      <c r="E129" s="16">
        <v>486</v>
      </c>
      <c r="F129" s="16">
        <v>33354</v>
      </c>
      <c r="G129" s="16">
        <v>162</v>
      </c>
      <c r="H129" s="16">
        <v>16380</v>
      </c>
      <c r="I129" s="16">
        <v>2</v>
      </c>
      <c r="J129" s="16">
        <v>230</v>
      </c>
      <c r="K129" s="16">
        <v>322</v>
      </c>
      <c r="L129" s="16">
        <v>16744</v>
      </c>
    </row>
    <row r="130" spans="2:12" ht="12.95" customHeight="1" x14ac:dyDescent="0.15">
      <c r="B130" s="12"/>
      <c r="C130" s="12"/>
      <c r="D130" s="15" t="s">
        <v>144</v>
      </c>
      <c r="E130" s="16">
        <v>1</v>
      </c>
      <c r="F130" s="16">
        <v>153</v>
      </c>
      <c r="G130" s="16">
        <v>1</v>
      </c>
      <c r="H130" s="16">
        <v>153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59</v>
      </c>
      <c r="F132" s="21">
        <v>5026</v>
      </c>
      <c r="G132" s="21">
        <v>38</v>
      </c>
      <c r="H132" s="21">
        <v>3897</v>
      </c>
      <c r="I132" s="21">
        <v>0</v>
      </c>
      <c r="J132" s="21">
        <v>0</v>
      </c>
      <c r="K132" s="21">
        <v>21</v>
      </c>
      <c r="L132" s="21">
        <v>1129</v>
      </c>
    </row>
    <row r="133" spans="2:12" ht="12.95" customHeight="1" x14ac:dyDescent="0.15">
      <c r="B133" s="12"/>
      <c r="C133" s="12"/>
      <c r="D133" s="15" t="s">
        <v>143</v>
      </c>
      <c r="E133" s="16">
        <v>58</v>
      </c>
      <c r="F133" s="16">
        <v>4873</v>
      </c>
      <c r="G133" s="16">
        <v>37</v>
      </c>
      <c r="H133" s="16">
        <v>3744</v>
      </c>
      <c r="I133" s="16">
        <v>0</v>
      </c>
      <c r="J133" s="16">
        <v>0</v>
      </c>
      <c r="K133" s="16">
        <v>21</v>
      </c>
      <c r="L133" s="16">
        <v>1129</v>
      </c>
    </row>
    <row r="134" spans="2:12" ht="12.95" customHeight="1" x14ac:dyDescent="0.15">
      <c r="B134" s="12"/>
      <c r="C134" s="12"/>
      <c r="D134" s="15" t="s">
        <v>144</v>
      </c>
      <c r="E134" s="16">
        <v>1</v>
      </c>
      <c r="F134" s="16">
        <v>153</v>
      </c>
      <c r="G134" s="16">
        <v>1</v>
      </c>
      <c r="H134" s="16">
        <v>153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290</v>
      </c>
      <c r="F136" s="21">
        <v>20103</v>
      </c>
      <c r="G136" s="21">
        <v>74</v>
      </c>
      <c r="H136" s="21">
        <v>7533</v>
      </c>
      <c r="I136" s="21">
        <v>0</v>
      </c>
      <c r="J136" s="21">
        <v>0</v>
      </c>
      <c r="K136" s="21">
        <v>216</v>
      </c>
      <c r="L136" s="21">
        <v>12570</v>
      </c>
    </row>
    <row r="137" spans="2:12" ht="12.95" customHeight="1" x14ac:dyDescent="0.15">
      <c r="B137" s="12"/>
      <c r="C137" s="12"/>
      <c r="D137" s="15" t="s">
        <v>143</v>
      </c>
      <c r="E137" s="16">
        <v>290</v>
      </c>
      <c r="F137" s="16">
        <v>20103</v>
      </c>
      <c r="G137" s="16">
        <v>74</v>
      </c>
      <c r="H137" s="16">
        <v>7533</v>
      </c>
      <c r="I137" s="16">
        <v>0</v>
      </c>
      <c r="J137" s="16">
        <v>0</v>
      </c>
      <c r="K137" s="16">
        <v>216</v>
      </c>
      <c r="L137" s="16">
        <v>12570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38</v>
      </c>
      <c r="F140" s="21">
        <v>8378</v>
      </c>
      <c r="G140" s="21">
        <v>51</v>
      </c>
      <c r="H140" s="21">
        <v>5103</v>
      </c>
      <c r="I140" s="21">
        <v>2</v>
      </c>
      <c r="J140" s="21">
        <v>230</v>
      </c>
      <c r="K140" s="21">
        <v>85</v>
      </c>
      <c r="L140" s="21">
        <v>3045</v>
      </c>
    </row>
    <row r="141" spans="2:12" ht="12.95" customHeight="1" x14ac:dyDescent="0.15">
      <c r="B141" s="12"/>
      <c r="C141" s="12"/>
      <c r="D141" s="15" t="s">
        <v>143</v>
      </c>
      <c r="E141" s="16">
        <v>138</v>
      </c>
      <c r="F141" s="16">
        <v>8378</v>
      </c>
      <c r="G141" s="16">
        <v>51</v>
      </c>
      <c r="H141" s="16">
        <v>5103</v>
      </c>
      <c r="I141" s="16">
        <v>2</v>
      </c>
      <c r="J141" s="16">
        <v>230</v>
      </c>
      <c r="K141" s="16">
        <v>85</v>
      </c>
      <c r="L141" s="16">
        <v>3045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741</v>
      </c>
      <c r="F144" s="21">
        <v>135632</v>
      </c>
      <c r="G144" s="21">
        <v>666</v>
      </c>
      <c r="H144" s="21">
        <v>72147</v>
      </c>
      <c r="I144" s="21">
        <v>28</v>
      </c>
      <c r="J144" s="21">
        <v>1433</v>
      </c>
      <c r="K144" s="21">
        <v>1047</v>
      </c>
      <c r="L144" s="21">
        <v>62052</v>
      </c>
    </row>
    <row r="145" spans="2:12" ht="12.95" customHeight="1" x14ac:dyDescent="0.15">
      <c r="B145" s="12"/>
      <c r="C145" s="12"/>
      <c r="D145" s="15" t="s">
        <v>143</v>
      </c>
      <c r="E145" s="16">
        <v>1736</v>
      </c>
      <c r="F145" s="16">
        <v>135194</v>
      </c>
      <c r="G145" s="16">
        <v>661</v>
      </c>
      <c r="H145" s="16">
        <v>71709</v>
      </c>
      <c r="I145" s="16">
        <v>28</v>
      </c>
      <c r="J145" s="16">
        <v>1433</v>
      </c>
      <c r="K145" s="16">
        <v>1047</v>
      </c>
      <c r="L145" s="16">
        <v>62052</v>
      </c>
    </row>
    <row r="146" spans="2:12" ht="12.95" customHeight="1" x14ac:dyDescent="0.15">
      <c r="B146" s="12"/>
      <c r="C146" s="12"/>
      <c r="D146" s="15" t="s">
        <v>144</v>
      </c>
      <c r="E146" s="16">
        <v>5</v>
      </c>
      <c r="F146" s="16">
        <v>438</v>
      </c>
      <c r="G146" s="16">
        <v>5</v>
      </c>
      <c r="H146" s="16">
        <v>438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58</v>
      </c>
      <c r="F148" s="21">
        <v>11857</v>
      </c>
      <c r="G148" s="21">
        <v>93</v>
      </c>
      <c r="H148" s="21">
        <v>10308</v>
      </c>
      <c r="I148" s="21">
        <v>0</v>
      </c>
      <c r="J148" s="21">
        <v>0</v>
      </c>
      <c r="K148" s="21">
        <v>65</v>
      </c>
      <c r="L148" s="21">
        <v>1549</v>
      </c>
    </row>
    <row r="149" spans="2:12" ht="12.95" customHeight="1" x14ac:dyDescent="0.15">
      <c r="B149" s="12"/>
      <c r="C149" s="12"/>
      <c r="D149" s="15" t="s">
        <v>143</v>
      </c>
      <c r="E149" s="16">
        <v>156</v>
      </c>
      <c r="F149" s="16">
        <v>11673</v>
      </c>
      <c r="G149" s="16">
        <v>91</v>
      </c>
      <c r="H149" s="16">
        <v>10124</v>
      </c>
      <c r="I149" s="16">
        <v>0</v>
      </c>
      <c r="J149" s="16">
        <v>0</v>
      </c>
      <c r="K149" s="16">
        <v>65</v>
      </c>
      <c r="L149" s="16">
        <v>1549</v>
      </c>
    </row>
    <row r="150" spans="2:12" ht="12.95" customHeight="1" x14ac:dyDescent="0.15">
      <c r="B150" s="12"/>
      <c r="C150" s="12"/>
      <c r="D150" s="15" t="s">
        <v>144</v>
      </c>
      <c r="E150" s="16">
        <v>2</v>
      </c>
      <c r="F150" s="16">
        <v>184</v>
      </c>
      <c r="G150" s="16">
        <v>2</v>
      </c>
      <c r="H150" s="16">
        <v>184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07</v>
      </c>
      <c r="F152" s="21">
        <v>9354</v>
      </c>
      <c r="G152" s="21">
        <v>80</v>
      </c>
      <c r="H152" s="21">
        <v>8496</v>
      </c>
      <c r="I152" s="21">
        <v>2</v>
      </c>
      <c r="J152" s="21">
        <v>159</v>
      </c>
      <c r="K152" s="21">
        <v>25</v>
      </c>
      <c r="L152" s="21">
        <v>699</v>
      </c>
    </row>
    <row r="153" spans="2:12" ht="12.95" customHeight="1" x14ac:dyDescent="0.15">
      <c r="B153" s="12"/>
      <c r="C153" s="12"/>
      <c r="D153" s="15" t="s">
        <v>143</v>
      </c>
      <c r="E153" s="16">
        <v>106</v>
      </c>
      <c r="F153" s="16">
        <v>9280</v>
      </c>
      <c r="G153" s="16">
        <v>79</v>
      </c>
      <c r="H153" s="16">
        <v>8422</v>
      </c>
      <c r="I153" s="16">
        <v>2</v>
      </c>
      <c r="J153" s="16">
        <v>159</v>
      </c>
      <c r="K153" s="16">
        <v>25</v>
      </c>
      <c r="L153" s="16">
        <v>699</v>
      </c>
    </row>
    <row r="154" spans="2:12" ht="12.95" customHeight="1" x14ac:dyDescent="0.15">
      <c r="B154" s="12"/>
      <c r="C154" s="12"/>
      <c r="D154" s="15" t="s">
        <v>144</v>
      </c>
      <c r="E154" s="16">
        <v>1</v>
      </c>
      <c r="F154" s="16">
        <v>74</v>
      </c>
      <c r="G154" s="16">
        <v>1</v>
      </c>
      <c r="H154" s="16">
        <v>74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51</v>
      </c>
      <c r="F156" s="21">
        <v>5001</v>
      </c>
      <c r="G156" s="21">
        <v>40</v>
      </c>
      <c r="H156" s="21">
        <v>4556</v>
      </c>
      <c r="I156" s="21">
        <v>2</v>
      </c>
      <c r="J156" s="21">
        <v>133</v>
      </c>
      <c r="K156" s="21">
        <v>9</v>
      </c>
      <c r="L156" s="21">
        <v>312</v>
      </c>
    </row>
    <row r="157" spans="2:12" ht="12.95" customHeight="1" x14ac:dyDescent="0.15">
      <c r="B157" s="12"/>
      <c r="C157" s="12"/>
      <c r="D157" s="15" t="s">
        <v>143</v>
      </c>
      <c r="E157" s="16">
        <v>50</v>
      </c>
      <c r="F157" s="16">
        <v>4935</v>
      </c>
      <c r="G157" s="16">
        <v>39</v>
      </c>
      <c r="H157" s="16">
        <v>4490</v>
      </c>
      <c r="I157" s="16">
        <v>2</v>
      </c>
      <c r="J157" s="16">
        <v>133</v>
      </c>
      <c r="K157" s="16">
        <v>9</v>
      </c>
      <c r="L157" s="16">
        <v>312</v>
      </c>
    </row>
    <row r="158" spans="2:12" ht="12.95" customHeight="1" x14ac:dyDescent="0.15">
      <c r="B158" s="12"/>
      <c r="C158" s="12"/>
      <c r="D158" s="15" t="s">
        <v>144</v>
      </c>
      <c r="E158" s="16">
        <v>1</v>
      </c>
      <c r="F158" s="16">
        <v>66</v>
      </c>
      <c r="G158" s="16">
        <v>1</v>
      </c>
      <c r="H158" s="16">
        <v>66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373</v>
      </c>
      <c r="F160" s="21">
        <v>30954</v>
      </c>
      <c r="G160" s="21">
        <v>87</v>
      </c>
      <c r="H160" s="21">
        <v>9336</v>
      </c>
      <c r="I160" s="21">
        <v>0</v>
      </c>
      <c r="J160" s="21">
        <v>0</v>
      </c>
      <c r="K160" s="21">
        <v>286</v>
      </c>
      <c r="L160" s="21">
        <v>21618</v>
      </c>
    </row>
    <row r="161" spans="2:12" ht="12.95" customHeight="1" x14ac:dyDescent="0.15">
      <c r="B161" s="12"/>
      <c r="C161" s="12"/>
      <c r="D161" s="15" t="s">
        <v>143</v>
      </c>
      <c r="E161" s="16">
        <v>372</v>
      </c>
      <c r="F161" s="16">
        <v>30840</v>
      </c>
      <c r="G161" s="16">
        <v>86</v>
      </c>
      <c r="H161" s="16">
        <v>9222</v>
      </c>
      <c r="I161" s="16">
        <v>0</v>
      </c>
      <c r="J161" s="16">
        <v>0</v>
      </c>
      <c r="K161" s="16">
        <v>286</v>
      </c>
      <c r="L161" s="16">
        <v>21618</v>
      </c>
    </row>
    <row r="162" spans="2:12" ht="12.95" customHeight="1" x14ac:dyDescent="0.15">
      <c r="B162" s="12"/>
      <c r="C162" s="12"/>
      <c r="D162" s="15" t="s">
        <v>144</v>
      </c>
      <c r="E162" s="16">
        <v>1</v>
      </c>
      <c r="F162" s="16">
        <v>114</v>
      </c>
      <c r="G162" s="16">
        <v>1</v>
      </c>
      <c r="H162" s="16">
        <v>114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53</v>
      </c>
      <c r="F164" s="21">
        <v>5750</v>
      </c>
      <c r="G164" s="21">
        <v>51</v>
      </c>
      <c r="H164" s="21">
        <v>5658</v>
      </c>
      <c r="I164" s="21">
        <v>2</v>
      </c>
      <c r="J164" s="21">
        <v>92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143</v>
      </c>
      <c r="E165" s="16">
        <v>53</v>
      </c>
      <c r="F165" s="16">
        <v>5750</v>
      </c>
      <c r="G165" s="16">
        <v>51</v>
      </c>
      <c r="H165" s="16">
        <v>5658</v>
      </c>
      <c r="I165" s="16">
        <v>2</v>
      </c>
      <c r="J165" s="16">
        <v>92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496</v>
      </c>
      <c r="F168" s="21">
        <v>33244</v>
      </c>
      <c r="G168" s="21">
        <v>56</v>
      </c>
      <c r="H168" s="21">
        <v>5902</v>
      </c>
      <c r="I168" s="21">
        <v>0</v>
      </c>
      <c r="J168" s="21">
        <v>0</v>
      </c>
      <c r="K168" s="21">
        <v>440</v>
      </c>
      <c r="L168" s="21">
        <v>27342</v>
      </c>
    </row>
    <row r="169" spans="2:12" ht="12.95" customHeight="1" x14ac:dyDescent="0.15">
      <c r="B169" s="12"/>
      <c r="C169" s="12"/>
      <c r="D169" s="15" t="s">
        <v>143</v>
      </c>
      <c r="E169" s="16">
        <v>496</v>
      </c>
      <c r="F169" s="16">
        <v>33244</v>
      </c>
      <c r="G169" s="16">
        <v>56</v>
      </c>
      <c r="H169" s="16">
        <v>5902</v>
      </c>
      <c r="I169" s="16">
        <v>0</v>
      </c>
      <c r="J169" s="16">
        <v>0</v>
      </c>
      <c r="K169" s="16">
        <v>440</v>
      </c>
      <c r="L169" s="16">
        <v>27342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45</v>
      </c>
      <c r="F172" s="21">
        <v>3241</v>
      </c>
      <c r="G172" s="21">
        <v>15</v>
      </c>
      <c r="H172" s="21">
        <v>1559</v>
      </c>
      <c r="I172" s="21">
        <v>6</v>
      </c>
      <c r="J172" s="21">
        <v>436</v>
      </c>
      <c r="K172" s="21">
        <v>24</v>
      </c>
      <c r="L172" s="21">
        <v>1246</v>
      </c>
    </row>
    <row r="173" spans="2:12" ht="12.95" customHeight="1" x14ac:dyDescent="0.15">
      <c r="B173" s="12"/>
      <c r="C173" s="12"/>
      <c r="D173" s="15" t="s">
        <v>143</v>
      </c>
      <c r="E173" s="16">
        <v>45</v>
      </c>
      <c r="F173" s="16">
        <v>3241</v>
      </c>
      <c r="G173" s="16">
        <v>15</v>
      </c>
      <c r="H173" s="16">
        <v>1559</v>
      </c>
      <c r="I173" s="16">
        <v>6</v>
      </c>
      <c r="J173" s="16">
        <v>436</v>
      </c>
      <c r="K173" s="16">
        <v>24</v>
      </c>
      <c r="L173" s="16">
        <v>1246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6</v>
      </c>
      <c r="F176" s="21">
        <v>664</v>
      </c>
      <c r="G176" s="21">
        <v>6</v>
      </c>
      <c r="H176" s="21">
        <v>664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6</v>
      </c>
      <c r="F177" s="16">
        <v>664</v>
      </c>
      <c r="G177" s="16">
        <v>6</v>
      </c>
      <c r="H177" s="16">
        <v>664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51</v>
      </c>
      <c r="F180" s="21">
        <v>4338</v>
      </c>
      <c r="G180" s="21">
        <v>30</v>
      </c>
      <c r="H180" s="21">
        <v>3527</v>
      </c>
      <c r="I180" s="21">
        <v>12</v>
      </c>
      <c r="J180" s="21">
        <v>489</v>
      </c>
      <c r="K180" s="21">
        <v>9</v>
      </c>
      <c r="L180" s="21">
        <v>322</v>
      </c>
    </row>
    <row r="181" spans="2:12" ht="12.95" customHeight="1" x14ac:dyDescent="0.15">
      <c r="B181" s="12"/>
      <c r="C181" s="12"/>
      <c r="D181" s="15" t="s">
        <v>143</v>
      </c>
      <c r="E181" s="16">
        <v>51</v>
      </c>
      <c r="F181" s="16">
        <v>4338</v>
      </c>
      <c r="G181" s="16">
        <v>30</v>
      </c>
      <c r="H181" s="16">
        <v>3527</v>
      </c>
      <c r="I181" s="16">
        <v>12</v>
      </c>
      <c r="J181" s="16">
        <v>489</v>
      </c>
      <c r="K181" s="16">
        <v>9</v>
      </c>
      <c r="L181" s="16">
        <v>322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113</v>
      </c>
      <c r="F184" s="21">
        <v>7118</v>
      </c>
      <c r="G184" s="21">
        <v>35</v>
      </c>
      <c r="H184" s="21">
        <v>3844</v>
      </c>
      <c r="I184" s="21">
        <v>0</v>
      </c>
      <c r="J184" s="21">
        <v>0</v>
      </c>
      <c r="K184" s="21">
        <v>78</v>
      </c>
      <c r="L184" s="21">
        <v>3274</v>
      </c>
    </row>
    <row r="185" spans="2:12" ht="12.95" customHeight="1" x14ac:dyDescent="0.15">
      <c r="B185" s="12"/>
      <c r="C185" s="12"/>
      <c r="D185" s="15" t="s">
        <v>143</v>
      </c>
      <c r="E185" s="16">
        <v>113</v>
      </c>
      <c r="F185" s="16">
        <v>7118</v>
      </c>
      <c r="G185" s="16">
        <v>35</v>
      </c>
      <c r="H185" s="16">
        <v>3844</v>
      </c>
      <c r="I185" s="16">
        <v>0</v>
      </c>
      <c r="J185" s="16">
        <v>0</v>
      </c>
      <c r="K185" s="16">
        <v>78</v>
      </c>
      <c r="L185" s="16">
        <v>3274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35</v>
      </c>
      <c r="F188" s="21">
        <v>3320</v>
      </c>
      <c r="G188" s="21">
        <v>26</v>
      </c>
      <c r="H188" s="21">
        <v>2642</v>
      </c>
      <c r="I188" s="21">
        <v>0</v>
      </c>
      <c r="J188" s="21">
        <v>0</v>
      </c>
      <c r="K188" s="21">
        <v>9</v>
      </c>
      <c r="L188" s="21">
        <v>678</v>
      </c>
    </row>
    <row r="189" spans="2:12" ht="12.95" customHeight="1" x14ac:dyDescent="0.15">
      <c r="B189" s="12"/>
      <c r="C189" s="12"/>
      <c r="D189" s="15" t="s">
        <v>143</v>
      </c>
      <c r="E189" s="16">
        <v>35</v>
      </c>
      <c r="F189" s="16">
        <v>3320</v>
      </c>
      <c r="G189" s="16">
        <v>26</v>
      </c>
      <c r="H189" s="16">
        <v>2642</v>
      </c>
      <c r="I189" s="16">
        <v>0</v>
      </c>
      <c r="J189" s="16">
        <v>0</v>
      </c>
      <c r="K189" s="16">
        <v>9</v>
      </c>
      <c r="L189" s="16">
        <v>678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37</v>
      </c>
      <c r="F192" s="21">
        <v>2782</v>
      </c>
      <c r="G192" s="21">
        <v>19</v>
      </c>
      <c r="H192" s="21">
        <v>1851</v>
      </c>
      <c r="I192" s="21">
        <v>2</v>
      </c>
      <c r="J192" s="21">
        <v>72</v>
      </c>
      <c r="K192" s="21">
        <v>16</v>
      </c>
      <c r="L192" s="21">
        <v>859</v>
      </c>
    </row>
    <row r="193" spans="2:12" ht="12.95" customHeight="1" x14ac:dyDescent="0.15">
      <c r="B193" s="12"/>
      <c r="C193" s="12"/>
      <c r="D193" s="15" t="s">
        <v>143</v>
      </c>
      <c r="E193" s="16">
        <v>37</v>
      </c>
      <c r="F193" s="16">
        <v>2782</v>
      </c>
      <c r="G193" s="16">
        <v>19</v>
      </c>
      <c r="H193" s="16">
        <v>1851</v>
      </c>
      <c r="I193" s="16">
        <v>2</v>
      </c>
      <c r="J193" s="16">
        <v>72</v>
      </c>
      <c r="K193" s="16">
        <v>16</v>
      </c>
      <c r="L193" s="16">
        <v>859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97</v>
      </c>
      <c r="F196" s="21">
        <v>7007</v>
      </c>
      <c r="G196" s="21">
        <v>36</v>
      </c>
      <c r="H196" s="21">
        <v>4028</v>
      </c>
      <c r="I196" s="21">
        <v>0</v>
      </c>
      <c r="J196" s="21">
        <v>0</v>
      </c>
      <c r="K196" s="21">
        <v>61</v>
      </c>
      <c r="L196" s="21">
        <v>2979</v>
      </c>
    </row>
    <row r="197" spans="2:12" ht="12.95" customHeight="1" x14ac:dyDescent="0.15">
      <c r="B197" s="12"/>
      <c r="C197" s="12"/>
      <c r="D197" s="15" t="s">
        <v>143</v>
      </c>
      <c r="E197" s="16">
        <v>97</v>
      </c>
      <c r="F197" s="16">
        <v>7007</v>
      </c>
      <c r="G197" s="16">
        <v>36</v>
      </c>
      <c r="H197" s="16">
        <v>4028</v>
      </c>
      <c r="I197" s="16">
        <v>0</v>
      </c>
      <c r="J197" s="16">
        <v>0</v>
      </c>
      <c r="K197" s="16">
        <v>61</v>
      </c>
      <c r="L197" s="16">
        <v>2979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59</v>
      </c>
      <c r="F200" s="21">
        <v>4689</v>
      </c>
      <c r="G200" s="21">
        <v>34</v>
      </c>
      <c r="H200" s="21">
        <v>3627</v>
      </c>
      <c r="I200" s="21">
        <v>2</v>
      </c>
      <c r="J200" s="21">
        <v>52</v>
      </c>
      <c r="K200" s="21">
        <v>23</v>
      </c>
      <c r="L200" s="21">
        <v>1010</v>
      </c>
    </row>
    <row r="201" spans="2:12" ht="12.95" customHeight="1" x14ac:dyDescent="0.15">
      <c r="B201" s="12"/>
      <c r="C201" s="12"/>
      <c r="D201" s="15" t="s">
        <v>143</v>
      </c>
      <c r="E201" s="16">
        <v>59</v>
      </c>
      <c r="F201" s="16">
        <v>4689</v>
      </c>
      <c r="G201" s="16">
        <v>34</v>
      </c>
      <c r="H201" s="16">
        <v>3627</v>
      </c>
      <c r="I201" s="16">
        <v>2</v>
      </c>
      <c r="J201" s="16">
        <v>52</v>
      </c>
      <c r="K201" s="16">
        <v>23</v>
      </c>
      <c r="L201" s="16">
        <v>1010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25</v>
      </c>
      <c r="F204" s="21">
        <v>2642</v>
      </c>
      <c r="G204" s="21">
        <v>23</v>
      </c>
      <c r="H204" s="21">
        <v>2478</v>
      </c>
      <c r="I204" s="21">
        <v>0</v>
      </c>
      <c r="J204" s="21">
        <v>0</v>
      </c>
      <c r="K204" s="21">
        <v>2</v>
      </c>
      <c r="L204" s="21">
        <v>164</v>
      </c>
    </row>
    <row r="205" spans="2:12" ht="12.95" customHeight="1" x14ac:dyDescent="0.15">
      <c r="B205" s="12"/>
      <c r="C205" s="12"/>
      <c r="D205" s="15" t="s">
        <v>143</v>
      </c>
      <c r="E205" s="16">
        <v>25</v>
      </c>
      <c r="F205" s="16">
        <v>2642</v>
      </c>
      <c r="G205" s="16">
        <v>23</v>
      </c>
      <c r="H205" s="16">
        <v>2478</v>
      </c>
      <c r="I205" s="16">
        <v>0</v>
      </c>
      <c r="J205" s="16">
        <v>0</v>
      </c>
      <c r="K205" s="16">
        <v>2</v>
      </c>
      <c r="L205" s="16">
        <v>164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35</v>
      </c>
      <c r="F208" s="21">
        <v>3671</v>
      </c>
      <c r="G208" s="21">
        <v>35</v>
      </c>
      <c r="H208" s="21">
        <v>3671</v>
      </c>
      <c r="I208" s="21">
        <v>0</v>
      </c>
      <c r="J208" s="21">
        <v>0</v>
      </c>
      <c r="K208" s="21">
        <v>0</v>
      </c>
      <c r="L208" s="21">
        <v>0</v>
      </c>
    </row>
    <row r="209" spans="2:12" ht="12.95" customHeight="1" x14ac:dyDescent="0.15">
      <c r="B209" s="12"/>
      <c r="C209" s="12"/>
      <c r="D209" s="15" t="s">
        <v>143</v>
      </c>
      <c r="E209" s="16">
        <v>35</v>
      </c>
      <c r="F209" s="16">
        <v>3671</v>
      </c>
      <c r="G209" s="16">
        <v>35</v>
      </c>
      <c r="H209" s="16">
        <v>3671</v>
      </c>
      <c r="I209" s="16">
        <v>0</v>
      </c>
      <c r="J209" s="16">
        <v>0</v>
      </c>
      <c r="K209" s="16">
        <v>0</v>
      </c>
      <c r="L209" s="16">
        <v>0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9</v>
      </c>
      <c r="F212" s="21">
        <v>1388</v>
      </c>
      <c r="G212" s="21">
        <v>9</v>
      </c>
      <c r="H212" s="21">
        <v>1388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9</v>
      </c>
      <c r="F213" s="16">
        <v>1388</v>
      </c>
      <c r="G213" s="16">
        <v>9</v>
      </c>
      <c r="H213" s="16">
        <v>1388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9</v>
      </c>
      <c r="F216" s="21">
        <v>1388</v>
      </c>
      <c r="G216" s="21">
        <v>9</v>
      </c>
      <c r="H216" s="21">
        <v>1388</v>
      </c>
      <c r="I216" s="21">
        <v>0</v>
      </c>
      <c r="J216" s="21">
        <v>0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9</v>
      </c>
      <c r="F217" s="16">
        <v>1388</v>
      </c>
      <c r="G217" s="16">
        <v>9</v>
      </c>
      <c r="H217" s="16">
        <v>1388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21</v>
      </c>
      <c r="F220" s="21">
        <v>2217</v>
      </c>
      <c r="G220" s="21">
        <v>21</v>
      </c>
      <c r="H220" s="21">
        <v>2217</v>
      </c>
      <c r="I220" s="21">
        <v>0</v>
      </c>
      <c r="J220" s="21">
        <v>0</v>
      </c>
      <c r="K220" s="21">
        <v>0</v>
      </c>
      <c r="L220" s="21">
        <v>0</v>
      </c>
    </row>
    <row r="221" spans="2:12" ht="12.95" customHeight="1" x14ac:dyDescent="0.15">
      <c r="B221" s="12"/>
      <c r="C221" s="12"/>
      <c r="D221" s="15" t="s">
        <v>143</v>
      </c>
      <c r="E221" s="16">
        <v>21</v>
      </c>
      <c r="F221" s="16">
        <v>2217</v>
      </c>
      <c r="G221" s="16">
        <v>21</v>
      </c>
      <c r="H221" s="16">
        <v>2217</v>
      </c>
      <c r="I221" s="16">
        <v>0</v>
      </c>
      <c r="J221" s="16">
        <v>0</v>
      </c>
      <c r="K221" s="16">
        <v>0</v>
      </c>
      <c r="L221" s="16">
        <v>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21</v>
      </c>
      <c r="F224" s="21">
        <v>2217</v>
      </c>
      <c r="G224" s="21">
        <v>21</v>
      </c>
      <c r="H224" s="21">
        <v>2217</v>
      </c>
      <c r="I224" s="21">
        <v>0</v>
      </c>
      <c r="J224" s="21">
        <v>0</v>
      </c>
      <c r="K224" s="21">
        <v>0</v>
      </c>
      <c r="L224" s="21">
        <v>0</v>
      </c>
    </row>
    <row r="225" spans="2:12" ht="12.95" customHeight="1" x14ac:dyDescent="0.15">
      <c r="B225" s="12"/>
      <c r="C225" s="12"/>
      <c r="D225" s="15" t="s">
        <v>143</v>
      </c>
      <c r="E225" s="16">
        <v>21</v>
      </c>
      <c r="F225" s="16">
        <v>2217</v>
      </c>
      <c r="G225" s="16">
        <v>21</v>
      </c>
      <c r="H225" s="16">
        <v>2217</v>
      </c>
      <c r="I225" s="16">
        <v>0</v>
      </c>
      <c r="J225" s="16">
        <v>0</v>
      </c>
      <c r="K225" s="16">
        <v>0</v>
      </c>
      <c r="L225" s="16">
        <v>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18</v>
      </c>
      <c r="F228" s="21">
        <v>1908</v>
      </c>
      <c r="G228" s="21">
        <v>16</v>
      </c>
      <c r="H228" s="21">
        <v>1770</v>
      </c>
      <c r="I228" s="21">
        <v>2</v>
      </c>
      <c r="J228" s="21">
        <v>138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18</v>
      </c>
      <c r="F229" s="16">
        <v>1908</v>
      </c>
      <c r="G229" s="16">
        <v>16</v>
      </c>
      <c r="H229" s="16">
        <v>1770</v>
      </c>
      <c r="I229" s="16">
        <v>2</v>
      </c>
      <c r="J229" s="16">
        <v>138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0</v>
      </c>
      <c r="F232" s="21">
        <v>957</v>
      </c>
      <c r="G232" s="21">
        <v>8</v>
      </c>
      <c r="H232" s="21">
        <v>819</v>
      </c>
      <c r="I232" s="21">
        <v>2</v>
      </c>
      <c r="J232" s="21">
        <v>138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0</v>
      </c>
      <c r="F233" s="16">
        <v>957</v>
      </c>
      <c r="G233" s="16">
        <v>8</v>
      </c>
      <c r="H233" s="16">
        <v>819</v>
      </c>
      <c r="I233" s="16">
        <v>2</v>
      </c>
      <c r="J233" s="16">
        <v>138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8</v>
      </c>
      <c r="F236" s="21">
        <v>951</v>
      </c>
      <c r="G236" s="21">
        <v>8</v>
      </c>
      <c r="H236" s="21">
        <v>951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8</v>
      </c>
      <c r="F237" s="16">
        <v>951</v>
      </c>
      <c r="G237" s="16">
        <v>8</v>
      </c>
      <c r="H237" s="16">
        <v>951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33</v>
      </c>
      <c r="F240" s="21">
        <v>3028</v>
      </c>
      <c r="G240" s="21">
        <v>24</v>
      </c>
      <c r="H240" s="21">
        <v>2568</v>
      </c>
      <c r="I240" s="21">
        <v>0</v>
      </c>
      <c r="J240" s="21">
        <v>0</v>
      </c>
      <c r="K240" s="21">
        <v>9</v>
      </c>
      <c r="L240" s="21">
        <v>460</v>
      </c>
    </row>
    <row r="241" spans="2:12" ht="12.95" customHeight="1" x14ac:dyDescent="0.15">
      <c r="B241" s="12"/>
      <c r="C241" s="12"/>
      <c r="D241" s="15" t="s">
        <v>143</v>
      </c>
      <c r="E241" s="16">
        <v>33</v>
      </c>
      <c r="F241" s="16">
        <v>3028</v>
      </c>
      <c r="G241" s="16">
        <v>24</v>
      </c>
      <c r="H241" s="16">
        <v>2568</v>
      </c>
      <c r="I241" s="16">
        <v>0</v>
      </c>
      <c r="J241" s="16">
        <v>0</v>
      </c>
      <c r="K241" s="16">
        <v>9</v>
      </c>
      <c r="L241" s="16">
        <v>460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3</v>
      </c>
      <c r="F244" s="21">
        <v>314</v>
      </c>
      <c r="G244" s="21">
        <v>3</v>
      </c>
      <c r="H244" s="21">
        <v>314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3</v>
      </c>
      <c r="F245" s="16">
        <v>314</v>
      </c>
      <c r="G245" s="16">
        <v>3</v>
      </c>
      <c r="H245" s="16">
        <v>314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14</v>
      </c>
      <c r="F248" s="21">
        <v>1565</v>
      </c>
      <c r="G248" s="21">
        <v>14</v>
      </c>
      <c r="H248" s="21">
        <v>1565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14</v>
      </c>
      <c r="F249" s="16">
        <v>1565</v>
      </c>
      <c r="G249" s="16">
        <v>14</v>
      </c>
      <c r="H249" s="16">
        <v>1565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1</v>
      </c>
      <c r="F252" s="21">
        <v>96</v>
      </c>
      <c r="G252" s="21">
        <v>1</v>
      </c>
      <c r="H252" s="21">
        <v>96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1</v>
      </c>
      <c r="F253" s="16">
        <v>96</v>
      </c>
      <c r="G253" s="16">
        <v>1</v>
      </c>
      <c r="H253" s="16">
        <v>96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2</v>
      </c>
      <c r="F256" s="21">
        <v>187</v>
      </c>
      <c r="G256" s="21">
        <v>2</v>
      </c>
      <c r="H256" s="21">
        <v>187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2</v>
      </c>
      <c r="F257" s="16">
        <v>187</v>
      </c>
      <c r="G257" s="16">
        <v>2</v>
      </c>
      <c r="H257" s="16">
        <v>187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13</v>
      </c>
      <c r="F260" s="21">
        <v>866</v>
      </c>
      <c r="G260" s="21">
        <v>4</v>
      </c>
      <c r="H260" s="21">
        <v>406</v>
      </c>
      <c r="I260" s="21">
        <v>0</v>
      </c>
      <c r="J260" s="21">
        <v>0</v>
      </c>
      <c r="K260" s="21">
        <v>9</v>
      </c>
      <c r="L260" s="21">
        <v>460</v>
      </c>
    </row>
    <row r="261" spans="2:12" ht="12.95" customHeight="1" x14ac:dyDescent="0.15">
      <c r="B261" s="12"/>
      <c r="C261" s="12"/>
      <c r="D261" s="15" t="s">
        <v>143</v>
      </c>
      <c r="E261" s="16">
        <v>13</v>
      </c>
      <c r="F261" s="16">
        <v>866</v>
      </c>
      <c r="G261" s="16">
        <v>4</v>
      </c>
      <c r="H261" s="16">
        <v>406</v>
      </c>
      <c r="I261" s="16">
        <v>0</v>
      </c>
      <c r="J261" s="16">
        <v>0</v>
      </c>
      <c r="K261" s="16">
        <v>9</v>
      </c>
      <c r="L261" s="16">
        <v>460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25</v>
      </c>
      <c r="F264" s="21">
        <v>1281</v>
      </c>
      <c r="G264" s="21">
        <v>4</v>
      </c>
      <c r="H264" s="21">
        <v>358</v>
      </c>
      <c r="I264" s="21">
        <v>0</v>
      </c>
      <c r="J264" s="21">
        <v>0</v>
      </c>
      <c r="K264" s="21">
        <v>21</v>
      </c>
      <c r="L264" s="21">
        <v>923</v>
      </c>
    </row>
    <row r="265" spans="2:12" ht="12.95" customHeight="1" x14ac:dyDescent="0.15">
      <c r="B265" s="12"/>
      <c r="C265" s="12"/>
      <c r="D265" s="15" t="s">
        <v>143</v>
      </c>
      <c r="E265" s="16">
        <v>25</v>
      </c>
      <c r="F265" s="16">
        <v>1281</v>
      </c>
      <c r="G265" s="16">
        <v>4</v>
      </c>
      <c r="H265" s="16">
        <v>358</v>
      </c>
      <c r="I265" s="16">
        <v>0</v>
      </c>
      <c r="J265" s="16">
        <v>0</v>
      </c>
      <c r="K265" s="16">
        <v>21</v>
      </c>
      <c r="L265" s="16">
        <v>923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22</v>
      </c>
      <c r="F268" s="21">
        <v>1002</v>
      </c>
      <c r="G268" s="21">
        <v>1</v>
      </c>
      <c r="H268" s="21">
        <v>79</v>
      </c>
      <c r="I268" s="21">
        <v>0</v>
      </c>
      <c r="J268" s="21">
        <v>0</v>
      </c>
      <c r="K268" s="21">
        <v>21</v>
      </c>
      <c r="L268" s="21">
        <v>923</v>
      </c>
    </row>
    <row r="269" spans="2:12" ht="12.95" customHeight="1" x14ac:dyDescent="0.15">
      <c r="B269" s="12"/>
      <c r="C269" s="12"/>
      <c r="D269" s="15" t="s">
        <v>143</v>
      </c>
      <c r="E269" s="16">
        <v>22</v>
      </c>
      <c r="F269" s="16">
        <v>1002</v>
      </c>
      <c r="G269" s="16">
        <v>1</v>
      </c>
      <c r="H269" s="16">
        <v>79</v>
      </c>
      <c r="I269" s="16">
        <v>0</v>
      </c>
      <c r="J269" s="16">
        <v>0</v>
      </c>
      <c r="K269" s="16">
        <v>21</v>
      </c>
      <c r="L269" s="16">
        <v>923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2</v>
      </c>
      <c r="F272" s="21">
        <v>161</v>
      </c>
      <c r="G272" s="21">
        <v>2</v>
      </c>
      <c r="H272" s="21">
        <v>161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2</v>
      </c>
      <c r="F273" s="16">
        <v>161</v>
      </c>
      <c r="G273" s="16">
        <v>2</v>
      </c>
      <c r="H273" s="16">
        <v>161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1</v>
      </c>
      <c r="F276" s="21">
        <v>118</v>
      </c>
      <c r="G276" s="21">
        <v>1</v>
      </c>
      <c r="H276" s="21">
        <v>118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1</v>
      </c>
      <c r="F277" s="16">
        <v>118</v>
      </c>
      <c r="G277" s="16">
        <v>1</v>
      </c>
      <c r="H277" s="16">
        <v>118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5</v>
      </c>
      <c r="F280" s="21">
        <v>530</v>
      </c>
      <c r="G280" s="21">
        <v>5</v>
      </c>
      <c r="H280" s="21">
        <v>530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5</v>
      </c>
      <c r="F281" s="16">
        <v>530</v>
      </c>
      <c r="G281" s="16">
        <v>5</v>
      </c>
      <c r="H281" s="16">
        <v>530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5</v>
      </c>
      <c r="F284" s="21">
        <v>530</v>
      </c>
      <c r="G284" s="21">
        <v>5</v>
      </c>
      <c r="H284" s="21">
        <v>530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5</v>
      </c>
      <c r="F285" s="16">
        <v>530</v>
      </c>
      <c r="G285" s="16">
        <v>5</v>
      </c>
      <c r="H285" s="16">
        <v>530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0</v>
      </c>
      <c r="F288" s="21">
        <v>0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0</v>
      </c>
      <c r="F289" s="16">
        <v>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5552</v>
      </c>
      <c r="F8" s="14">
        <v>392601</v>
      </c>
      <c r="G8" s="14">
        <v>424</v>
      </c>
      <c r="H8" s="14">
        <v>26566</v>
      </c>
      <c r="I8" s="14">
        <v>0</v>
      </c>
      <c r="J8" s="14">
        <v>0</v>
      </c>
      <c r="K8" s="14">
        <v>0</v>
      </c>
      <c r="L8" s="14">
        <v>0</v>
      </c>
      <c r="M8" s="14">
        <v>2854</v>
      </c>
      <c r="N8" s="14">
        <v>182282</v>
      </c>
      <c r="O8" s="14">
        <v>263</v>
      </c>
      <c r="P8" s="14">
        <v>25920</v>
      </c>
      <c r="Q8" s="14">
        <v>2011</v>
      </c>
      <c r="R8" s="14">
        <v>157833</v>
      </c>
    </row>
    <row r="9" spans="2:18" ht="12.95" customHeight="1" x14ac:dyDescent="0.15">
      <c r="B9" s="12"/>
      <c r="C9" s="12"/>
      <c r="D9" s="15" t="s">
        <v>132</v>
      </c>
      <c r="E9" s="16">
        <v>916</v>
      </c>
      <c r="F9" s="16">
        <v>105740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916</v>
      </c>
      <c r="R9" s="16">
        <v>105740</v>
      </c>
    </row>
    <row r="10" spans="2:18" ht="12.95" customHeight="1" x14ac:dyDescent="0.15">
      <c r="B10" s="12"/>
      <c r="C10" s="12"/>
      <c r="D10" s="15" t="s">
        <v>133</v>
      </c>
      <c r="E10" s="16">
        <v>2301</v>
      </c>
      <c r="F10" s="16">
        <v>98939</v>
      </c>
      <c r="G10" s="16">
        <v>424</v>
      </c>
      <c r="H10" s="16">
        <v>26566</v>
      </c>
      <c r="I10" s="16">
        <v>0</v>
      </c>
      <c r="J10" s="16">
        <v>0</v>
      </c>
      <c r="K10" s="16">
        <v>0</v>
      </c>
      <c r="L10" s="16">
        <v>0</v>
      </c>
      <c r="M10" s="16">
        <v>782</v>
      </c>
      <c r="N10" s="16">
        <v>20298</v>
      </c>
      <c r="O10" s="16">
        <v>1</v>
      </c>
      <c r="P10" s="16">
        <v>101</v>
      </c>
      <c r="Q10" s="16">
        <v>1094</v>
      </c>
      <c r="R10" s="16">
        <v>51974</v>
      </c>
    </row>
    <row r="11" spans="2:18" ht="12.95" customHeight="1" x14ac:dyDescent="0.15">
      <c r="B11" s="12"/>
      <c r="C11" s="12"/>
      <c r="D11" s="15" t="s">
        <v>134</v>
      </c>
      <c r="E11" s="16">
        <v>1</v>
      </c>
      <c r="F11" s="16">
        <v>105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1</v>
      </c>
      <c r="N11" s="16">
        <v>105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2334</v>
      </c>
      <c r="F12" s="19">
        <v>187817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071</v>
      </c>
      <c r="N12" s="19">
        <v>161879</v>
      </c>
      <c r="O12" s="19">
        <v>262</v>
      </c>
      <c r="P12" s="19">
        <v>25819</v>
      </c>
      <c r="Q12" s="19">
        <v>1</v>
      </c>
      <c r="R12" s="19">
        <v>119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5441</v>
      </c>
      <c r="F13" s="21">
        <v>382249</v>
      </c>
      <c r="G13" s="21">
        <v>424</v>
      </c>
      <c r="H13" s="21">
        <v>26566</v>
      </c>
      <c r="I13" s="21">
        <v>0</v>
      </c>
      <c r="J13" s="21">
        <v>0</v>
      </c>
      <c r="K13" s="21">
        <v>0</v>
      </c>
      <c r="L13" s="21">
        <v>0</v>
      </c>
      <c r="M13" s="21">
        <v>2817</v>
      </c>
      <c r="N13" s="21">
        <v>178796</v>
      </c>
      <c r="O13" s="21">
        <v>263</v>
      </c>
      <c r="P13" s="21">
        <v>25920</v>
      </c>
      <c r="Q13" s="21">
        <v>1937</v>
      </c>
      <c r="R13" s="21">
        <v>150967</v>
      </c>
    </row>
    <row r="14" spans="2:18" ht="12.95" customHeight="1" x14ac:dyDescent="0.15">
      <c r="B14" s="12"/>
      <c r="C14" s="12"/>
      <c r="D14" s="15" t="s">
        <v>132</v>
      </c>
      <c r="E14" s="16">
        <v>860</v>
      </c>
      <c r="F14" s="16">
        <v>99328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860</v>
      </c>
      <c r="R14" s="16">
        <v>99328</v>
      </c>
    </row>
    <row r="15" spans="2:18" ht="12.95" customHeight="1" x14ac:dyDescent="0.15">
      <c r="B15" s="12"/>
      <c r="C15" s="12"/>
      <c r="D15" s="15" t="s">
        <v>133</v>
      </c>
      <c r="E15" s="16">
        <v>2274</v>
      </c>
      <c r="F15" s="16">
        <v>98025</v>
      </c>
      <c r="G15" s="16">
        <v>424</v>
      </c>
      <c r="H15" s="16">
        <v>26566</v>
      </c>
      <c r="I15" s="16">
        <v>0</v>
      </c>
      <c r="J15" s="16">
        <v>0</v>
      </c>
      <c r="K15" s="16">
        <v>0</v>
      </c>
      <c r="L15" s="16">
        <v>0</v>
      </c>
      <c r="M15" s="16">
        <v>773</v>
      </c>
      <c r="N15" s="16">
        <v>19838</v>
      </c>
      <c r="O15" s="16">
        <v>1</v>
      </c>
      <c r="P15" s="16">
        <v>101</v>
      </c>
      <c r="Q15" s="16">
        <v>1076</v>
      </c>
      <c r="R15" s="16">
        <v>51520</v>
      </c>
    </row>
    <row r="16" spans="2:18" ht="12.95" customHeight="1" x14ac:dyDescent="0.15">
      <c r="B16" s="12"/>
      <c r="C16" s="12"/>
      <c r="D16" s="15" t="s">
        <v>134</v>
      </c>
      <c r="E16" s="16">
        <v>1</v>
      </c>
      <c r="F16" s="16">
        <v>105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1</v>
      </c>
      <c r="N16" s="16">
        <v>105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2306</v>
      </c>
      <c r="F17" s="19">
        <v>184791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043</v>
      </c>
      <c r="N17" s="19">
        <v>158853</v>
      </c>
      <c r="O17" s="19">
        <v>262</v>
      </c>
      <c r="P17" s="19">
        <v>25819</v>
      </c>
      <c r="Q17" s="19">
        <v>1</v>
      </c>
      <c r="R17" s="19">
        <v>119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11</v>
      </c>
      <c r="F18" s="21">
        <v>10352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37</v>
      </c>
      <c r="N18" s="21">
        <v>3486</v>
      </c>
      <c r="O18" s="21">
        <v>0</v>
      </c>
      <c r="P18" s="21">
        <v>0</v>
      </c>
      <c r="Q18" s="21">
        <v>74</v>
      </c>
      <c r="R18" s="21">
        <v>6866</v>
      </c>
    </row>
    <row r="19" spans="2:18" ht="12.95" customHeight="1" x14ac:dyDescent="0.15">
      <c r="B19" s="12"/>
      <c r="C19" s="12"/>
      <c r="D19" s="15" t="s">
        <v>132</v>
      </c>
      <c r="E19" s="16">
        <v>56</v>
      </c>
      <c r="F19" s="16">
        <v>6412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56</v>
      </c>
      <c r="R19" s="16">
        <v>6412</v>
      </c>
    </row>
    <row r="20" spans="2:18" ht="12.95" customHeight="1" x14ac:dyDescent="0.15">
      <c r="B20" s="12"/>
      <c r="C20" s="12"/>
      <c r="D20" s="15" t="s">
        <v>133</v>
      </c>
      <c r="E20" s="16">
        <v>27</v>
      </c>
      <c r="F20" s="16">
        <v>914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9</v>
      </c>
      <c r="N20" s="16">
        <v>460</v>
      </c>
      <c r="O20" s="16">
        <v>0</v>
      </c>
      <c r="P20" s="16">
        <v>0</v>
      </c>
      <c r="Q20" s="16">
        <v>18</v>
      </c>
      <c r="R20" s="16">
        <v>454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28</v>
      </c>
      <c r="F22" s="19">
        <v>3026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28</v>
      </c>
      <c r="N22" s="19">
        <v>3026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312</v>
      </c>
      <c r="F23" s="21">
        <v>157219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1408</v>
      </c>
      <c r="N23" s="21">
        <v>81098</v>
      </c>
      <c r="O23" s="21">
        <v>262</v>
      </c>
      <c r="P23" s="21">
        <v>25819</v>
      </c>
      <c r="Q23" s="21">
        <v>642</v>
      </c>
      <c r="R23" s="21">
        <v>50302</v>
      </c>
    </row>
    <row r="24" spans="2:18" ht="12.95" customHeight="1" x14ac:dyDescent="0.15">
      <c r="B24" s="12"/>
      <c r="C24" s="12"/>
      <c r="D24" s="15" t="s">
        <v>132</v>
      </c>
      <c r="E24" s="16">
        <v>274</v>
      </c>
      <c r="F24" s="16">
        <v>32936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274</v>
      </c>
      <c r="R24" s="16">
        <v>32936</v>
      </c>
    </row>
    <row r="25" spans="2:18" ht="12.95" customHeight="1" x14ac:dyDescent="0.15">
      <c r="B25" s="12"/>
      <c r="C25" s="12"/>
      <c r="D25" s="15" t="s">
        <v>133</v>
      </c>
      <c r="E25" s="16">
        <v>753</v>
      </c>
      <c r="F25" s="16">
        <v>26719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385</v>
      </c>
      <c r="N25" s="16">
        <v>9353</v>
      </c>
      <c r="O25" s="16">
        <v>0</v>
      </c>
      <c r="P25" s="16">
        <v>0</v>
      </c>
      <c r="Q25" s="16">
        <v>368</v>
      </c>
      <c r="R25" s="16">
        <v>17366</v>
      </c>
    </row>
    <row r="26" spans="2:18" ht="12.95" customHeight="1" x14ac:dyDescent="0.15">
      <c r="B26" s="12"/>
      <c r="C26" s="12"/>
      <c r="D26" s="15" t="s">
        <v>134</v>
      </c>
      <c r="E26" s="16">
        <v>1</v>
      </c>
      <c r="F26" s="16">
        <v>105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1</v>
      </c>
      <c r="N26" s="16">
        <v>105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284</v>
      </c>
      <c r="F27" s="19">
        <v>97459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022</v>
      </c>
      <c r="N27" s="19">
        <v>71640</v>
      </c>
      <c r="O27" s="19">
        <v>262</v>
      </c>
      <c r="P27" s="19">
        <v>25819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193</v>
      </c>
      <c r="F28" s="21">
        <v>10429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36</v>
      </c>
      <c r="N28" s="21">
        <v>6106</v>
      </c>
      <c r="O28" s="21">
        <v>0</v>
      </c>
      <c r="P28" s="21">
        <v>0</v>
      </c>
      <c r="Q28" s="21">
        <v>57</v>
      </c>
      <c r="R28" s="21">
        <v>4323</v>
      </c>
    </row>
    <row r="29" spans="2:18" ht="12.95" customHeight="1" x14ac:dyDescent="0.15">
      <c r="B29" s="12"/>
      <c r="C29" s="12"/>
      <c r="D29" s="15" t="s">
        <v>132</v>
      </c>
      <c r="E29" s="16">
        <v>17</v>
      </c>
      <c r="F29" s="16">
        <v>1892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17</v>
      </c>
      <c r="R29" s="16">
        <v>1892</v>
      </c>
    </row>
    <row r="30" spans="2:18" ht="12.95" customHeight="1" x14ac:dyDescent="0.15">
      <c r="B30" s="12"/>
      <c r="C30" s="12"/>
      <c r="D30" s="15" t="s">
        <v>133</v>
      </c>
      <c r="E30" s="16">
        <v>128</v>
      </c>
      <c r="F30" s="16">
        <v>5287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88</v>
      </c>
      <c r="N30" s="16">
        <v>2856</v>
      </c>
      <c r="O30" s="16">
        <v>0</v>
      </c>
      <c r="P30" s="16">
        <v>0</v>
      </c>
      <c r="Q30" s="16">
        <v>40</v>
      </c>
      <c r="R30" s="16">
        <v>2431</v>
      </c>
    </row>
    <row r="31" spans="2:18" ht="12.95" customHeight="1" x14ac:dyDescent="0.15">
      <c r="B31" s="12"/>
      <c r="C31" s="12"/>
      <c r="D31" s="15" t="s">
        <v>134</v>
      </c>
      <c r="E31" s="16">
        <v>1</v>
      </c>
      <c r="F31" s="16">
        <v>105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1</v>
      </c>
      <c r="N31" s="16">
        <v>105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47</v>
      </c>
      <c r="F32" s="19">
        <v>3145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47</v>
      </c>
      <c r="N32" s="19">
        <v>3145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145</v>
      </c>
      <c r="F33" s="21">
        <v>7380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111</v>
      </c>
      <c r="N33" s="21">
        <v>4387</v>
      </c>
      <c r="O33" s="21">
        <v>0</v>
      </c>
      <c r="P33" s="21">
        <v>0</v>
      </c>
      <c r="Q33" s="21">
        <v>34</v>
      </c>
      <c r="R33" s="21">
        <v>2993</v>
      </c>
    </row>
    <row r="34" spans="2:18" ht="12.95" customHeight="1" x14ac:dyDescent="0.15">
      <c r="B34" s="12"/>
      <c r="C34" s="12"/>
      <c r="D34" s="15" t="s">
        <v>132</v>
      </c>
      <c r="E34" s="16">
        <v>20</v>
      </c>
      <c r="F34" s="16">
        <v>2551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0</v>
      </c>
      <c r="R34" s="16">
        <v>2551</v>
      </c>
    </row>
    <row r="35" spans="2:18" ht="12.95" customHeight="1" x14ac:dyDescent="0.15">
      <c r="B35" s="12"/>
      <c r="C35" s="12"/>
      <c r="D35" s="15" t="s">
        <v>133</v>
      </c>
      <c r="E35" s="16">
        <v>83</v>
      </c>
      <c r="F35" s="16">
        <v>2041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69</v>
      </c>
      <c r="N35" s="16">
        <v>1599</v>
      </c>
      <c r="O35" s="16">
        <v>0</v>
      </c>
      <c r="P35" s="16">
        <v>0</v>
      </c>
      <c r="Q35" s="16">
        <v>14</v>
      </c>
      <c r="R35" s="16">
        <v>442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42</v>
      </c>
      <c r="F37" s="19">
        <v>2788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42</v>
      </c>
      <c r="N37" s="19">
        <v>2788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387</v>
      </c>
      <c r="F38" s="21">
        <v>30645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119</v>
      </c>
      <c r="N38" s="21">
        <v>4124</v>
      </c>
      <c r="O38" s="21">
        <v>262</v>
      </c>
      <c r="P38" s="21">
        <v>25819</v>
      </c>
      <c r="Q38" s="21">
        <v>6</v>
      </c>
      <c r="R38" s="21">
        <v>702</v>
      </c>
    </row>
    <row r="39" spans="2:18" ht="12.95" customHeight="1" x14ac:dyDescent="0.15">
      <c r="B39" s="12"/>
      <c r="C39" s="12"/>
      <c r="D39" s="15" t="s">
        <v>132</v>
      </c>
      <c r="E39" s="16">
        <v>4</v>
      </c>
      <c r="F39" s="16">
        <v>611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4</v>
      </c>
      <c r="R39" s="16">
        <v>611</v>
      </c>
    </row>
    <row r="40" spans="2:18" ht="12.95" customHeight="1" x14ac:dyDescent="0.15">
      <c r="B40" s="12"/>
      <c r="C40" s="12"/>
      <c r="D40" s="15" t="s">
        <v>133</v>
      </c>
      <c r="E40" s="16">
        <v>28</v>
      </c>
      <c r="F40" s="16">
        <v>461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26</v>
      </c>
      <c r="N40" s="16">
        <v>370</v>
      </c>
      <c r="O40" s="16">
        <v>0</v>
      </c>
      <c r="P40" s="16">
        <v>0</v>
      </c>
      <c r="Q40" s="16">
        <v>2</v>
      </c>
      <c r="R40" s="16">
        <v>91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355</v>
      </c>
      <c r="F42" s="19">
        <v>29573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93</v>
      </c>
      <c r="N42" s="19">
        <v>3754</v>
      </c>
      <c r="O42" s="19">
        <v>262</v>
      </c>
      <c r="P42" s="19">
        <v>25819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125</v>
      </c>
      <c r="F43" s="21">
        <v>8681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112</v>
      </c>
      <c r="N43" s="21">
        <v>7144</v>
      </c>
      <c r="O43" s="21">
        <v>0</v>
      </c>
      <c r="P43" s="21">
        <v>0</v>
      </c>
      <c r="Q43" s="21">
        <v>13</v>
      </c>
      <c r="R43" s="21">
        <v>1537</v>
      </c>
    </row>
    <row r="44" spans="2:18" ht="12.95" customHeight="1" x14ac:dyDescent="0.15">
      <c r="B44" s="12"/>
      <c r="C44" s="12"/>
      <c r="D44" s="15" t="s">
        <v>132</v>
      </c>
      <c r="E44" s="16">
        <v>11</v>
      </c>
      <c r="F44" s="16">
        <v>1451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1</v>
      </c>
      <c r="R44" s="16">
        <v>1451</v>
      </c>
    </row>
    <row r="45" spans="2:18" ht="12.95" customHeight="1" x14ac:dyDescent="0.15">
      <c r="B45" s="12"/>
      <c r="C45" s="12"/>
      <c r="D45" s="15" t="s">
        <v>133</v>
      </c>
      <c r="E45" s="16">
        <v>39</v>
      </c>
      <c r="F45" s="16">
        <v>936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37</v>
      </c>
      <c r="N45" s="16">
        <v>850</v>
      </c>
      <c r="O45" s="16">
        <v>0</v>
      </c>
      <c r="P45" s="16">
        <v>0</v>
      </c>
      <c r="Q45" s="16">
        <v>2</v>
      </c>
      <c r="R45" s="16">
        <v>86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75</v>
      </c>
      <c r="F47" s="19">
        <v>6294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75</v>
      </c>
      <c r="N47" s="19">
        <v>6294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311</v>
      </c>
      <c r="F48" s="21">
        <v>12816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288</v>
      </c>
      <c r="N48" s="21">
        <v>11259</v>
      </c>
      <c r="O48" s="21">
        <v>0</v>
      </c>
      <c r="P48" s="21">
        <v>0</v>
      </c>
      <c r="Q48" s="21">
        <v>23</v>
      </c>
      <c r="R48" s="21">
        <v>1557</v>
      </c>
    </row>
    <row r="49" spans="2:18" ht="12.95" customHeight="1" x14ac:dyDescent="0.15">
      <c r="B49" s="12"/>
      <c r="C49" s="12"/>
      <c r="D49" s="15" t="s">
        <v>132</v>
      </c>
      <c r="E49" s="16">
        <v>12</v>
      </c>
      <c r="F49" s="16">
        <v>1283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2</v>
      </c>
      <c r="R49" s="16">
        <v>1283</v>
      </c>
    </row>
    <row r="50" spans="2:18" ht="12.95" customHeight="1" x14ac:dyDescent="0.15">
      <c r="B50" s="12"/>
      <c r="C50" s="12"/>
      <c r="D50" s="15" t="s">
        <v>133</v>
      </c>
      <c r="E50" s="16">
        <v>47</v>
      </c>
      <c r="F50" s="16">
        <v>1034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36</v>
      </c>
      <c r="N50" s="16">
        <v>760</v>
      </c>
      <c r="O50" s="16">
        <v>0</v>
      </c>
      <c r="P50" s="16">
        <v>0</v>
      </c>
      <c r="Q50" s="16">
        <v>11</v>
      </c>
      <c r="R50" s="16">
        <v>274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252</v>
      </c>
      <c r="F52" s="19">
        <v>10499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252</v>
      </c>
      <c r="N52" s="19">
        <v>10499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12</v>
      </c>
      <c r="F53" s="21">
        <v>8930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104</v>
      </c>
      <c r="N53" s="21">
        <v>8107</v>
      </c>
      <c r="O53" s="21">
        <v>0</v>
      </c>
      <c r="P53" s="21">
        <v>0</v>
      </c>
      <c r="Q53" s="21">
        <v>8</v>
      </c>
      <c r="R53" s="21">
        <v>823</v>
      </c>
    </row>
    <row r="54" spans="2:18" ht="12.95" customHeight="1" x14ac:dyDescent="0.15">
      <c r="B54" s="12"/>
      <c r="C54" s="12"/>
      <c r="D54" s="15" t="s">
        <v>132</v>
      </c>
      <c r="E54" s="16">
        <v>8</v>
      </c>
      <c r="F54" s="16">
        <v>823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8</v>
      </c>
      <c r="R54" s="16">
        <v>823</v>
      </c>
    </row>
    <row r="55" spans="2:18" ht="12.95" customHeight="1" x14ac:dyDescent="0.15">
      <c r="B55" s="12"/>
      <c r="C55" s="12"/>
      <c r="D55" s="15" t="s">
        <v>133</v>
      </c>
      <c r="E55" s="16">
        <v>15</v>
      </c>
      <c r="F55" s="16">
        <v>300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15</v>
      </c>
      <c r="N55" s="16">
        <v>300</v>
      </c>
      <c r="O55" s="16">
        <v>0</v>
      </c>
      <c r="P55" s="16">
        <v>0</v>
      </c>
      <c r="Q55" s="16">
        <v>0</v>
      </c>
      <c r="R55" s="16">
        <v>0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89</v>
      </c>
      <c r="F57" s="19">
        <v>7807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89</v>
      </c>
      <c r="N57" s="19">
        <v>7807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96</v>
      </c>
      <c r="F58" s="21">
        <v>6292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57</v>
      </c>
      <c r="N58" s="21">
        <v>3892</v>
      </c>
      <c r="O58" s="21">
        <v>0</v>
      </c>
      <c r="P58" s="21">
        <v>0</v>
      </c>
      <c r="Q58" s="21">
        <v>39</v>
      </c>
      <c r="R58" s="21">
        <v>2400</v>
      </c>
    </row>
    <row r="59" spans="2:18" ht="12.95" customHeight="1" x14ac:dyDescent="0.15">
      <c r="B59" s="12"/>
      <c r="C59" s="12"/>
      <c r="D59" s="15" t="s">
        <v>132</v>
      </c>
      <c r="E59" s="16">
        <v>12</v>
      </c>
      <c r="F59" s="16">
        <v>1277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2</v>
      </c>
      <c r="R59" s="16">
        <v>1277</v>
      </c>
    </row>
    <row r="60" spans="2:18" ht="12.95" customHeight="1" x14ac:dyDescent="0.15">
      <c r="B60" s="12"/>
      <c r="C60" s="12"/>
      <c r="D60" s="15" t="s">
        <v>133</v>
      </c>
      <c r="E60" s="16">
        <v>43</v>
      </c>
      <c r="F60" s="16">
        <v>1408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16</v>
      </c>
      <c r="N60" s="16">
        <v>285</v>
      </c>
      <c r="O60" s="16">
        <v>0</v>
      </c>
      <c r="P60" s="16">
        <v>0</v>
      </c>
      <c r="Q60" s="16">
        <v>27</v>
      </c>
      <c r="R60" s="16">
        <v>1123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41</v>
      </c>
      <c r="F62" s="19">
        <v>3607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41</v>
      </c>
      <c r="N62" s="19">
        <v>3607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54</v>
      </c>
      <c r="F63" s="21">
        <v>3769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41</v>
      </c>
      <c r="N63" s="21">
        <v>2227</v>
      </c>
      <c r="O63" s="21">
        <v>0</v>
      </c>
      <c r="P63" s="21">
        <v>0</v>
      </c>
      <c r="Q63" s="21">
        <v>13</v>
      </c>
      <c r="R63" s="21">
        <v>1542</v>
      </c>
    </row>
    <row r="64" spans="2:18" ht="12.95" customHeight="1" x14ac:dyDescent="0.15">
      <c r="B64" s="12"/>
      <c r="C64" s="12"/>
      <c r="D64" s="15" t="s">
        <v>132</v>
      </c>
      <c r="E64" s="16">
        <v>13</v>
      </c>
      <c r="F64" s="16">
        <v>1542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3</v>
      </c>
      <c r="R64" s="16">
        <v>1542</v>
      </c>
    </row>
    <row r="65" spans="2:18" ht="12.95" customHeight="1" x14ac:dyDescent="0.15">
      <c r="B65" s="12"/>
      <c r="C65" s="12"/>
      <c r="D65" s="15" t="s">
        <v>133</v>
      </c>
      <c r="E65" s="16">
        <v>22</v>
      </c>
      <c r="F65" s="16">
        <v>287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22</v>
      </c>
      <c r="N65" s="16">
        <v>287</v>
      </c>
      <c r="O65" s="16">
        <v>0</v>
      </c>
      <c r="P65" s="16">
        <v>0</v>
      </c>
      <c r="Q65" s="16">
        <v>0</v>
      </c>
      <c r="R65" s="16">
        <v>0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19</v>
      </c>
      <c r="F67" s="19">
        <v>194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19</v>
      </c>
      <c r="N67" s="19">
        <v>1940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220</v>
      </c>
      <c r="F68" s="21">
        <v>14551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38</v>
      </c>
      <c r="N68" s="21">
        <v>9464</v>
      </c>
      <c r="O68" s="21">
        <v>0</v>
      </c>
      <c r="P68" s="21">
        <v>0</v>
      </c>
      <c r="Q68" s="21">
        <v>82</v>
      </c>
      <c r="R68" s="21">
        <v>5087</v>
      </c>
    </row>
    <row r="69" spans="2:18" ht="12.95" customHeight="1" x14ac:dyDescent="0.15">
      <c r="B69" s="12"/>
      <c r="C69" s="12"/>
      <c r="D69" s="15" t="s">
        <v>132</v>
      </c>
      <c r="E69" s="16">
        <v>28</v>
      </c>
      <c r="F69" s="16">
        <v>2962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28</v>
      </c>
      <c r="R69" s="16">
        <v>2962</v>
      </c>
    </row>
    <row r="70" spans="2:18" ht="12.95" customHeight="1" x14ac:dyDescent="0.15">
      <c r="B70" s="12"/>
      <c r="C70" s="12"/>
      <c r="D70" s="15" t="s">
        <v>133</v>
      </c>
      <c r="E70" s="16">
        <v>98</v>
      </c>
      <c r="F70" s="16">
        <v>3419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44</v>
      </c>
      <c r="N70" s="16">
        <v>1294</v>
      </c>
      <c r="O70" s="16">
        <v>0</v>
      </c>
      <c r="P70" s="16">
        <v>0</v>
      </c>
      <c r="Q70" s="16">
        <v>54</v>
      </c>
      <c r="R70" s="16">
        <v>2125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94</v>
      </c>
      <c r="F72" s="19">
        <v>8170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94</v>
      </c>
      <c r="N72" s="19">
        <v>8170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83</v>
      </c>
      <c r="F73" s="21">
        <v>6670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35</v>
      </c>
      <c r="N73" s="21">
        <v>2741</v>
      </c>
      <c r="O73" s="21">
        <v>0</v>
      </c>
      <c r="P73" s="21">
        <v>0</v>
      </c>
      <c r="Q73" s="21">
        <v>48</v>
      </c>
      <c r="R73" s="21">
        <v>3929</v>
      </c>
    </row>
    <row r="74" spans="2:18" ht="12.95" customHeight="1" x14ac:dyDescent="0.15">
      <c r="B74" s="12"/>
      <c r="C74" s="12"/>
      <c r="D74" s="15" t="s">
        <v>132</v>
      </c>
      <c r="E74" s="16">
        <v>22</v>
      </c>
      <c r="F74" s="16">
        <v>2551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2</v>
      </c>
      <c r="R74" s="16">
        <v>2551</v>
      </c>
    </row>
    <row r="75" spans="2:18" ht="12.95" customHeight="1" x14ac:dyDescent="0.15">
      <c r="B75" s="12"/>
      <c r="C75" s="12"/>
      <c r="D75" s="15" t="s">
        <v>133</v>
      </c>
      <c r="E75" s="16">
        <v>26</v>
      </c>
      <c r="F75" s="16">
        <v>1378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  <c r="Q75" s="16">
        <v>26</v>
      </c>
      <c r="R75" s="16">
        <v>1378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35</v>
      </c>
      <c r="F77" s="19">
        <v>2741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35</v>
      </c>
      <c r="N77" s="19">
        <v>2741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142</v>
      </c>
      <c r="F78" s="21">
        <v>9093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83</v>
      </c>
      <c r="N78" s="21">
        <v>4374</v>
      </c>
      <c r="O78" s="21">
        <v>0</v>
      </c>
      <c r="P78" s="21">
        <v>0</v>
      </c>
      <c r="Q78" s="21">
        <v>59</v>
      </c>
      <c r="R78" s="21">
        <v>4719</v>
      </c>
    </row>
    <row r="79" spans="2:18" ht="12.95" customHeight="1" x14ac:dyDescent="0.15">
      <c r="B79" s="12"/>
      <c r="C79" s="12"/>
      <c r="D79" s="15" t="s">
        <v>132</v>
      </c>
      <c r="E79" s="16">
        <v>21</v>
      </c>
      <c r="F79" s="16">
        <v>2721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21</v>
      </c>
      <c r="R79" s="16">
        <v>2721</v>
      </c>
    </row>
    <row r="80" spans="2:18" ht="12.95" customHeight="1" x14ac:dyDescent="0.15">
      <c r="B80" s="12"/>
      <c r="C80" s="12"/>
      <c r="D80" s="15" t="s">
        <v>133</v>
      </c>
      <c r="E80" s="16">
        <v>55</v>
      </c>
      <c r="F80" s="16">
        <v>2424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17</v>
      </c>
      <c r="N80" s="16">
        <v>426</v>
      </c>
      <c r="O80" s="16">
        <v>0</v>
      </c>
      <c r="P80" s="16">
        <v>0</v>
      </c>
      <c r="Q80" s="16">
        <v>38</v>
      </c>
      <c r="R80" s="16">
        <v>1998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66</v>
      </c>
      <c r="F82" s="19">
        <v>3948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66</v>
      </c>
      <c r="N82" s="19">
        <v>3948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90</v>
      </c>
      <c r="F83" s="21">
        <v>7364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55</v>
      </c>
      <c r="N83" s="21">
        <v>4240</v>
      </c>
      <c r="O83" s="21">
        <v>0</v>
      </c>
      <c r="P83" s="21">
        <v>0</v>
      </c>
      <c r="Q83" s="21">
        <v>35</v>
      </c>
      <c r="R83" s="21">
        <v>3124</v>
      </c>
    </row>
    <row r="84" spans="2:18" ht="12.95" customHeight="1" x14ac:dyDescent="0.15">
      <c r="B84" s="12"/>
      <c r="C84" s="12"/>
      <c r="D84" s="15" t="s">
        <v>132</v>
      </c>
      <c r="E84" s="16">
        <v>23</v>
      </c>
      <c r="F84" s="16">
        <v>2504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3</v>
      </c>
      <c r="R84" s="16">
        <v>2504</v>
      </c>
    </row>
    <row r="85" spans="2:18" ht="12.95" customHeight="1" x14ac:dyDescent="0.15">
      <c r="B85" s="12"/>
      <c r="C85" s="12"/>
      <c r="D85" s="15" t="s">
        <v>133</v>
      </c>
      <c r="E85" s="16">
        <v>27</v>
      </c>
      <c r="F85" s="16">
        <v>946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15</v>
      </c>
      <c r="N85" s="16">
        <v>326</v>
      </c>
      <c r="O85" s="16">
        <v>0</v>
      </c>
      <c r="P85" s="16">
        <v>0</v>
      </c>
      <c r="Q85" s="16">
        <v>12</v>
      </c>
      <c r="R85" s="16">
        <v>620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40</v>
      </c>
      <c r="F87" s="19">
        <v>3914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40</v>
      </c>
      <c r="N87" s="19">
        <v>3914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87</v>
      </c>
      <c r="F88" s="21">
        <v>5564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23</v>
      </c>
      <c r="N88" s="21">
        <v>2406</v>
      </c>
      <c r="O88" s="21">
        <v>0</v>
      </c>
      <c r="P88" s="21">
        <v>0</v>
      </c>
      <c r="Q88" s="21">
        <v>64</v>
      </c>
      <c r="R88" s="21">
        <v>3158</v>
      </c>
    </row>
    <row r="89" spans="2:18" ht="12.95" customHeight="1" x14ac:dyDescent="0.15">
      <c r="B89" s="12"/>
      <c r="C89" s="12"/>
      <c r="D89" s="15" t="s">
        <v>132</v>
      </c>
      <c r="E89" s="16">
        <v>9</v>
      </c>
      <c r="F89" s="16">
        <v>1004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9</v>
      </c>
      <c r="R89" s="16">
        <v>1004</v>
      </c>
    </row>
    <row r="90" spans="2:18" ht="12.95" customHeight="1" x14ac:dyDescent="0.15">
      <c r="B90" s="12"/>
      <c r="C90" s="12"/>
      <c r="D90" s="15" t="s">
        <v>133</v>
      </c>
      <c r="E90" s="16">
        <v>55</v>
      </c>
      <c r="F90" s="16">
        <v>2154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55</v>
      </c>
      <c r="R90" s="16">
        <v>2154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23</v>
      </c>
      <c r="F92" s="19">
        <v>2406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23</v>
      </c>
      <c r="N92" s="19">
        <v>2406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37</v>
      </c>
      <c r="F93" s="21">
        <v>2895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17</v>
      </c>
      <c r="N93" s="21">
        <v>1585</v>
      </c>
      <c r="O93" s="21">
        <v>0</v>
      </c>
      <c r="P93" s="21">
        <v>0</v>
      </c>
      <c r="Q93" s="21">
        <v>20</v>
      </c>
      <c r="R93" s="21">
        <v>1310</v>
      </c>
    </row>
    <row r="94" spans="2:18" ht="12.95" customHeight="1" x14ac:dyDescent="0.15">
      <c r="B94" s="12"/>
      <c r="C94" s="12"/>
      <c r="D94" s="15" t="s">
        <v>132</v>
      </c>
      <c r="E94" s="16">
        <v>6</v>
      </c>
      <c r="F94" s="16">
        <v>686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6</v>
      </c>
      <c r="R94" s="16">
        <v>686</v>
      </c>
    </row>
    <row r="95" spans="2:18" ht="12.95" customHeight="1" x14ac:dyDescent="0.15">
      <c r="B95" s="12"/>
      <c r="C95" s="12"/>
      <c r="D95" s="15" t="s">
        <v>133</v>
      </c>
      <c r="E95" s="16">
        <v>14</v>
      </c>
      <c r="F95" s="16">
        <v>624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14</v>
      </c>
      <c r="R95" s="16">
        <v>624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17</v>
      </c>
      <c r="F97" s="19">
        <v>1585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17</v>
      </c>
      <c r="N97" s="19">
        <v>1585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21</v>
      </c>
      <c r="F98" s="21">
        <v>2645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12</v>
      </c>
      <c r="N98" s="21">
        <v>1298</v>
      </c>
      <c r="O98" s="21">
        <v>0</v>
      </c>
      <c r="P98" s="21">
        <v>0</v>
      </c>
      <c r="Q98" s="21">
        <v>9</v>
      </c>
      <c r="R98" s="21">
        <v>1347</v>
      </c>
    </row>
    <row r="99" spans="2:18" ht="12.95" customHeight="1" x14ac:dyDescent="0.15">
      <c r="B99" s="12"/>
      <c r="C99" s="12"/>
      <c r="D99" s="15" t="s">
        <v>132</v>
      </c>
      <c r="E99" s="16">
        <v>9</v>
      </c>
      <c r="F99" s="16">
        <v>1347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9</v>
      </c>
      <c r="R99" s="16">
        <v>1347</v>
      </c>
    </row>
    <row r="100" spans="2:18" ht="12.95" customHeight="1" x14ac:dyDescent="0.15">
      <c r="B100" s="12"/>
      <c r="C100" s="12"/>
      <c r="D100" s="15" t="s">
        <v>133</v>
      </c>
      <c r="E100" s="16">
        <v>0</v>
      </c>
      <c r="F100" s="16">
        <v>0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0</v>
      </c>
      <c r="R100" s="16">
        <v>0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12</v>
      </c>
      <c r="F102" s="19">
        <v>1298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12</v>
      </c>
      <c r="N102" s="19">
        <v>1298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68</v>
      </c>
      <c r="F103" s="21">
        <v>5380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22</v>
      </c>
      <c r="N103" s="21">
        <v>2166</v>
      </c>
      <c r="O103" s="21">
        <v>0</v>
      </c>
      <c r="P103" s="21">
        <v>0</v>
      </c>
      <c r="Q103" s="21">
        <v>46</v>
      </c>
      <c r="R103" s="21">
        <v>3214</v>
      </c>
    </row>
    <row r="104" spans="2:18" ht="12.95" customHeight="1" x14ac:dyDescent="0.15">
      <c r="B104" s="12"/>
      <c r="C104" s="12"/>
      <c r="D104" s="15" t="s">
        <v>132</v>
      </c>
      <c r="E104" s="16">
        <v>15</v>
      </c>
      <c r="F104" s="16">
        <v>1769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5</v>
      </c>
      <c r="R104" s="16">
        <v>1769</v>
      </c>
    </row>
    <row r="105" spans="2:18" ht="12.95" customHeight="1" x14ac:dyDescent="0.15">
      <c r="B105" s="12"/>
      <c r="C105" s="12"/>
      <c r="D105" s="15" t="s">
        <v>133</v>
      </c>
      <c r="E105" s="16">
        <v>31</v>
      </c>
      <c r="F105" s="16">
        <v>1445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31</v>
      </c>
      <c r="R105" s="16">
        <v>1445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22</v>
      </c>
      <c r="F107" s="19">
        <v>2166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22</v>
      </c>
      <c r="N107" s="19">
        <v>2166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62</v>
      </c>
      <c r="F108" s="21">
        <v>6374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32</v>
      </c>
      <c r="N108" s="21">
        <v>3302</v>
      </c>
      <c r="O108" s="21">
        <v>0</v>
      </c>
      <c r="P108" s="21">
        <v>0</v>
      </c>
      <c r="Q108" s="21">
        <v>30</v>
      </c>
      <c r="R108" s="21">
        <v>3072</v>
      </c>
    </row>
    <row r="109" spans="2:18" ht="12.95" customHeight="1" x14ac:dyDescent="0.15">
      <c r="B109" s="12"/>
      <c r="C109" s="12"/>
      <c r="D109" s="15" t="s">
        <v>132</v>
      </c>
      <c r="E109" s="16">
        <v>19</v>
      </c>
      <c r="F109" s="16">
        <v>2524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19</v>
      </c>
      <c r="R109" s="16">
        <v>2524</v>
      </c>
    </row>
    <row r="110" spans="2:18" ht="12.95" customHeight="1" x14ac:dyDescent="0.15">
      <c r="B110" s="12"/>
      <c r="C110" s="12"/>
      <c r="D110" s="15" t="s">
        <v>133</v>
      </c>
      <c r="E110" s="16">
        <v>11</v>
      </c>
      <c r="F110" s="16">
        <v>548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11</v>
      </c>
      <c r="R110" s="16">
        <v>548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32</v>
      </c>
      <c r="F112" s="19">
        <v>3302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32</v>
      </c>
      <c r="N112" s="19">
        <v>3302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79</v>
      </c>
      <c r="F113" s="21">
        <v>7741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23</v>
      </c>
      <c r="N113" s="21">
        <v>2276</v>
      </c>
      <c r="O113" s="21">
        <v>0</v>
      </c>
      <c r="P113" s="21">
        <v>0</v>
      </c>
      <c r="Q113" s="21">
        <v>56</v>
      </c>
      <c r="R113" s="21">
        <v>5465</v>
      </c>
    </row>
    <row r="114" spans="2:18" ht="12.95" customHeight="1" x14ac:dyDescent="0.15">
      <c r="B114" s="12"/>
      <c r="C114" s="12"/>
      <c r="D114" s="15" t="s">
        <v>132</v>
      </c>
      <c r="E114" s="16">
        <v>25</v>
      </c>
      <c r="F114" s="16">
        <v>3438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5</v>
      </c>
      <c r="R114" s="16">
        <v>3438</v>
      </c>
    </row>
    <row r="115" spans="2:18" ht="12.95" customHeight="1" x14ac:dyDescent="0.15">
      <c r="B115" s="12"/>
      <c r="C115" s="12"/>
      <c r="D115" s="15" t="s">
        <v>133</v>
      </c>
      <c r="E115" s="16">
        <v>31</v>
      </c>
      <c r="F115" s="16">
        <v>2027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  <c r="Q115" s="16">
        <v>31</v>
      </c>
      <c r="R115" s="16">
        <v>2027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23</v>
      </c>
      <c r="F117" s="19">
        <v>2276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23</v>
      </c>
      <c r="N117" s="19">
        <v>2276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901</v>
      </c>
      <c r="F118" s="21">
        <v>55891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500</v>
      </c>
      <c r="N118" s="21">
        <v>28149</v>
      </c>
      <c r="O118" s="21">
        <v>0</v>
      </c>
      <c r="P118" s="21">
        <v>0</v>
      </c>
      <c r="Q118" s="21">
        <v>401</v>
      </c>
      <c r="R118" s="21">
        <v>27742</v>
      </c>
    </row>
    <row r="119" spans="2:18" ht="12.95" customHeight="1" x14ac:dyDescent="0.15">
      <c r="B119" s="12"/>
      <c r="C119" s="12"/>
      <c r="D119" s="15" t="s">
        <v>132</v>
      </c>
      <c r="E119" s="16">
        <v>119</v>
      </c>
      <c r="F119" s="16">
        <v>14003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19</v>
      </c>
      <c r="R119" s="16">
        <v>14003</v>
      </c>
    </row>
    <row r="120" spans="2:18" ht="12.95" customHeight="1" x14ac:dyDescent="0.15">
      <c r="B120" s="12"/>
      <c r="C120" s="12"/>
      <c r="D120" s="15" t="s">
        <v>133</v>
      </c>
      <c r="E120" s="16">
        <v>442</v>
      </c>
      <c r="F120" s="16">
        <v>17525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161</v>
      </c>
      <c r="N120" s="16">
        <v>3905</v>
      </c>
      <c r="O120" s="16">
        <v>0</v>
      </c>
      <c r="P120" s="16">
        <v>0</v>
      </c>
      <c r="Q120" s="16">
        <v>281</v>
      </c>
      <c r="R120" s="16">
        <v>13620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340</v>
      </c>
      <c r="F122" s="19">
        <v>24363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339</v>
      </c>
      <c r="N122" s="19">
        <v>24244</v>
      </c>
      <c r="O122" s="19">
        <v>0</v>
      </c>
      <c r="P122" s="19">
        <v>0</v>
      </c>
      <c r="Q122" s="19">
        <v>1</v>
      </c>
      <c r="R122" s="19">
        <v>119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175</v>
      </c>
      <c r="F123" s="21">
        <v>7535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126</v>
      </c>
      <c r="N123" s="21">
        <v>4386</v>
      </c>
      <c r="O123" s="21">
        <v>0</v>
      </c>
      <c r="P123" s="21">
        <v>0</v>
      </c>
      <c r="Q123" s="21">
        <v>49</v>
      </c>
      <c r="R123" s="21">
        <v>3149</v>
      </c>
    </row>
    <row r="124" spans="2:18" ht="12.95" customHeight="1" x14ac:dyDescent="0.15">
      <c r="B124" s="12"/>
      <c r="C124" s="12"/>
      <c r="D124" s="15" t="s">
        <v>132</v>
      </c>
      <c r="E124" s="16">
        <v>13</v>
      </c>
      <c r="F124" s="16">
        <v>1499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3</v>
      </c>
      <c r="R124" s="16">
        <v>1499</v>
      </c>
    </row>
    <row r="125" spans="2:18" ht="12.95" customHeight="1" x14ac:dyDescent="0.15">
      <c r="B125" s="12"/>
      <c r="C125" s="12"/>
      <c r="D125" s="15" t="s">
        <v>133</v>
      </c>
      <c r="E125" s="16">
        <v>107</v>
      </c>
      <c r="F125" s="16">
        <v>3046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71</v>
      </c>
      <c r="N125" s="16">
        <v>1396</v>
      </c>
      <c r="O125" s="16">
        <v>0</v>
      </c>
      <c r="P125" s="16">
        <v>0</v>
      </c>
      <c r="Q125" s="16">
        <v>36</v>
      </c>
      <c r="R125" s="16">
        <v>1650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55</v>
      </c>
      <c r="F127" s="19">
        <v>299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55</v>
      </c>
      <c r="N127" s="19">
        <v>2990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101</v>
      </c>
      <c r="F128" s="21">
        <v>8231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70</v>
      </c>
      <c r="N128" s="21">
        <v>6010</v>
      </c>
      <c r="O128" s="21">
        <v>0</v>
      </c>
      <c r="P128" s="21">
        <v>0</v>
      </c>
      <c r="Q128" s="21">
        <v>31</v>
      </c>
      <c r="R128" s="21">
        <v>2221</v>
      </c>
    </row>
    <row r="129" spans="2:18" ht="12.95" customHeight="1" x14ac:dyDescent="0.15">
      <c r="B129" s="12"/>
      <c r="C129" s="12"/>
      <c r="D129" s="15" t="s">
        <v>132</v>
      </c>
      <c r="E129" s="16">
        <v>10</v>
      </c>
      <c r="F129" s="16">
        <v>1115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0</v>
      </c>
      <c r="R129" s="16">
        <v>1115</v>
      </c>
    </row>
    <row r="130" spans="2:18" ht="12.95" customHeight="1" x14ac:dyDescent="0.15">
      <c r="B130" s="12"/>
      <c r="C130" s="12"/>
      <c r="D130" s="15" t="s">
        <v>133</v>
      </c>
      <c r="E130" s="16">
        <v>21</v>
      </c>
      <c r="F130" s="16">
        <v>1106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21</v>
      </c>
      <c r="R130" s="16">
        <v>1106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70</v>
      </c>
      <c r="F132" s="19">
        <v>6010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70</v>
      </c>
      <c r="N132" s="19">
        <v>6010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56</v>
      </c>
      <c r="F133" s="21">
        <v>9294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80</v>
      </c>
      <c r="N133" s="21">
        <v>4388</v>
      </c>
      <c r="O133" s="21">
        <v>0</v>
      </c>
      <c r="P133" s="21">
        <v>0</v>
      </c>
      <c r="Q133" s="21">
        <v>76</v>
      </c>
      <c r="R133" s="21">
        <v>4906</v>
      </c>
    </row>
    <row r="134" spans="2:18" ht="12.95" customHeight="1" x14ac:dyDescent="0.15">
      <c r="B134" s="12"/>
      <c r="C134" s="12"/>
      <c r="D134" s="15" t="s">
        <v>132</v>
      </c>
      <c r="E134" s="16">
        <v>22</v>
      </c>
      <c r="F134" s="16">
        <v>2101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22</v>
      </c>
      <c r="R134" s="16">
        <v>2101</v>
      </c>
    </row>
    <row r="135" spans="2:18" ht="12.95" customHeight="1" x14ac:dyDescent="0.15">
      <c r="B135" s="12"/>
      <c r="C135" s="12"/>
      <c r="D135" s="15" t="s">
        <v>133</v>
      </c>
      <c r="E135" s="16">
        <v>78</v>
      </c>
      <c r="F135" s="16">
        <v>3313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24</v>
      </c>
      <c r="N135" s="16">
        <v>508</v>
      </c>
      <c r="O135" s="16">
        <v>0</v>
      </c>
      <c r="P135" s="16">
        <v>0</v>
      </c>
      <c r="Q135" s="16">
        <v>54</v>
      </c>
      <c r="R135" s="16">
        <v>2805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56</v>
      </c>
      <c r="F137" s="19">
        <v>3880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56</v>
      </c>
      <c r="N137" s="19">
        <v>3880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108</v>
      </c>
      <c r="F138" s="21">
        <v>6966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51</v>
      </c>
      <c r="N138" s="21">
        <v>3179</v>
      </c>
      <c r="O138" s="21">
        <v>0</v>
      </c>
      <c r="P138" s="21">
        <v>0</v>
      </c>
      <c r="Q138" s="21">
        <v>57</v>
      </c>
      <c r="R138" s="21">
        <v>3787</v>
      </c>
    </row>
    <row r="139" spans="2:18" ht="12.95" customHeight="1" x14ac:dyDescent="0.15">
      <c r="B139" s="12"/>
      <c r="C139" s="12"/>
      <c r="D139" s="15" t="s">
        <v>132</v>
      </c>
      <c r="E139" s="16">
        <v>15</v>
      </c>
      <c r="F139" s="16">
        <v>1833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5</v>
      </c>
      <c r="R139" s="16">
        <v>1833</v>
      </c>
    </row>
    <row r="140" spans="2:18" ht="12.95" customHeight="1" x14ac:dyDescent="0.15">
      <c r="B140" s="12"/>
      <c r="C140" s="12"/>
      <c r="D140" s="15" t="s">
        <v>133</v>
      </c>
      <c r="E140" s="16">
        <v>70</v>
      </c>
      <c r="F140" s="16">
        <v>2952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28</v>
      </c>
      <c r="N140" s="16">
        <v>998</v>
      </c>
      <c r="O140" s="16">
        <v>0</v>
      </c>
      <c r="P140" s="16">
        <v>0</v>
      </c>
      <c r="Q140" s="16">
        <v>42</v>
      </c>
      <c r="R140" s="16">
        <v>1954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23</v>
      </c>
      <c r="F142" s="19">
        <v>2181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23</v>
      </c>
      <c r="N142" s="19">
        <v>2181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170</v>
      </c>
      <c r="F143" s="21">
        <v>11367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65</v>
      </c>
      <c r="N143" s="21">
        <v>3798</v>
      </c>
      <c r="O143" s="21">
        <v>0</v>
      </c>
      <c r="P143" s="21">
        <v>0</v>
      </c>
      <c r="Q143" s="21">
        <v>105</v>
      </c>
      <c r="R143" s="21">
        <v>7569</v>
      </c>
    </row>
    <row r="144" spans="2:18" ht="12.95" customHeight="1" x14ac:dyDescent="0.15">
      <c r="B144" s="12"/>
      <c r="C144" s="12"/>
      <c r="D144" s="15" t="s">
        <v>132</v>
      </c>
      <c r="E144" s="16">
        <v>27</v>
      </c>
      <c r="F144" s="16">
        <v>3376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27</v>
      </c>
      <c r="R144" s="16">
        <v>3376</v>
      </c>
    </row>
    <row r="145" spans="2:18" ht="12.95" customHeight="1" x14ac:dyDescent="0.15">
      <c r="B145" s="12"/>
      <c r="C145" s="12"/>
      <c r="D145" s="15" t="s">
        <v>133</v>
      </c>
      <c r="E145" s="16">
        <v>115</v>
      </c>
      <c r="F145" s="16">
        <v>5077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38</v>
      </c>
      <c r="N145" s="16">
        <v>1003</v>
      </c>
      <c r="O145" s="16">
        <v>0</v>
      </c>
      <c r="P145" s="16">
        <v>0</v>
      </c>
      <c r="Q145" s="16">
        <v>77</v>
      </c>
      <c r="R145" s="16">
        <v>4074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28</v>
      </c>
      <c r="F147" s="19">
        <v>2914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27</v>
      </c>
      <c r="N147" s="19">
        <v>2795</v>
      </c>
      <c r="O147" s="19">
        <v>0</v>
      </c>
      <c r="P147" s="19">
        <v>0</v>
      </c>
      <c r="Q147" s="19">
        <v>1</v>
      </c>
      <c r="R147" s="19">
        <v>119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144</v>
      </c>
      <c r="F148" s="21">
        <v>8354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96</v>
      </c>
      <c r="N148" s="21">
        <v>5177</v>
      </c>
      <c r="O148" s="21">
        <v>0</v>
      </c>
      <c r="P148" s="21">
        <v>0</v>
      </c>
      <c r="Q148" s="21">
        <v>48</v>
      </c>
      <c r="R148" s="21">
        <v>3177</v>
      </c>
    </row>
    <row r="149" spans="2:18" ht="12.95" customHeight="1" x14ac:dyDescent="0.15">
      <c r="B149" s="12"/>
      <c r="C149" s="12"/>
      <c r="D149" s="15" t="s">
        <v>132</v>
      </c>
      <c r="E149" s="16">
        <v>15</v>
      </c>
      <c r="F149" s="16">
        <v>1820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15</v>
      </c>
      <c r="R149" s="16">
        <v>1820</v>
      </c>
    </row>
    <row r="150" spans="2:18" ht="12.95" customHeight="1" x14ac:dyDescent="0.15">
      <c r="B150" s="12"/>
      <c r="C150" s="12"/>
      <c r="D150" s="15" t="s">
        <v>133</v>
      </c>
      <c r="E150" s="16">
        <v>33</v>
      </c>
      <c r="F150" s="16">
        <v>1357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33</v>
      </c>
      <c r="R150" s="16">
        <v>1357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96</v>
      </c>
      <c r="F152" s="19">
        <v>5177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96</v>
      </c>
      <c r="N152" s="19">
        <v>5177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47</v>
      </c>
      <c r="F153" s="21">
        <v>4144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12</v>
      </c>
      <c r="N153" s="21">
        <v>1211</v>
      </c>
      <c r="O153" s="21">
        <v>0</v>
      </c>
      <c r="P153" s="21">
        <v>0</v>
      </c>
      <c r="Q153" s="21">
        <v>35</v>
      </c>
      <c r="R153" s="21">
        <v>2933</v>
      </c>
    </row>
    <row r="154" spans="2:18" ht="12.95" customHeight="1" x14ac:dyDescent="0.15">
      <c r="B154" s="12"/>
      <c r="C154" s="12"/>
      <c r="D154" s="15" t="s">
        <v>132</v>
      </c>
      <c r="E154" s="16">
        <v>17</v>
      </c>
      <c r="F154" s="16">
        <v>2259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17</v>
      </c>
      <c r="R154" s="16">
        <v>2259</v>
      </c>
    </row>
    <row r="155" spans="2:18" ht="12.95" customHeight="1" x14ac:dyDescent="0.15">
      <c r="B155" s="12"/>
      <c r="C155" s="12"/>
      <c r="D155" s="15" t="s">
        <v>133</v>
      </c>
      <c r="E155" s="16">
        <v>18</v>
      </c>
      <c r="F155" s="16">
        <v>674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  <c r="Q155" s="16">
        <v>18</v>
      </c>
      <c r="R155" s="16">
        <v>674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12</v>
      </c>
      <c r="F157" s="19">
        <v>1211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12</v>
      </c>
      <c r="N157" s="19">
        <v>1211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487</v>
      </c>
      <c r="F158" s="21">
        <v>33507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290</v>
      </c>
      <c r="N158" s="21">
        <v>18977</v>
      </c>
      <c r="O158" s="21">
        <v>0</v>
      </c>
      <c r="P158" s="21">
        <v>0</v>
      </c>
      <c r="Q158" s="21">
        <v>197</v>
      </c>
      <c r="R158" s="21">
        <v>14530</v>
      </c>
    </row>
    <row r="159" spans="2:18" ht="12.95" customHeight="1" x14ac:dyDescent="0.15">
      <c r="B159" s="12"/>
      <c r="C159" s="12"/>
      <c r="D159" s="15" t="s">
        <v>132</v>
      </c>
      <c r="E159" s="16">
        <v>80</v>
      </c>
      <c r="F159" s="16">
        <v>8363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80</v>
      </c>
      <c r="R159" s="16">
        <v>8363</v>
      </c>
    </row>
    <row r="160" spans="2:18" ht="12.95" customHeight="1" x14ac:dyDescent="0.15">
      <c r="B160" s="12"/>
      <c r="C160" s="12"/>
      <c r="D160" s="15" t="s">
        <v>133</v>
      </c>
      <c r="E160" s="16">
        <v>209</v>
      </c>
      <c r="F160" s="16">
        <v>8538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92</v>
      </c>
      <c r="N160" s="16">
        <v>2371</v>
      </c>
      <c r="O160" s="16">
        <v>0</v>
      </c>
      <c r="P160" s="16">
        <v>0</v>
      </c>
      <c r="Q160" s="16">
        <v>117</v>
      </c>
      <c r="R160" s="16">
        <v>6167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98</v>
      </c>
      <c r="F162" s="19">
        <v>16606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98</v>
      </c>
      <c r="N162" s="19">
        <v>16606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59</v>
      </c>
      <c r="F163" s="21">
        <v>5026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19</v>
      </c>
      <c r="N163" s="21">
        <v>1895</v>
      </c>
      <c r="O163" s="21">
        <v>0</v>
      </c>
      <c r="P163" s="21">
        <v>0</v>
      </c>
      <c r="Q163" s="21">
        <v>40</v>
      </c>
      <c r="R163" s="21">
        <v>3131</v>
      </c>
    </row>
    <row r="164" spans="2:18" ht="12.95" customHeight="1" x14ac:dyDescent="0.15">
      <c r="B164" s="12"/>
      <c r="C164" s="12"/>
      <c r="D164" s="15" t="s">
        <v>132</v>
      </c>
      <c r="E164" s="16">
        <v>19</v>
      </c>
      <c r="F164" s="16">
        <v>2002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19</v>
      </c>
      <c r="R164" s="16">
        <v>2002</v>
      </c>
    </row>
    <row r="165" spans="2:18" ht="12.95" customHeight="1" x14ac:dyDescent="0.15">
      <c r="B165" s="12"/>
      <c r="C165" s="12"/>
      <c r="D165" s="15" t="s">
        <v>133</v>
      </c>
      <c r="E165" s="16">
        <v>21</v>
      </c>
      <c r="F165" s="16">
        <v>1129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21</v>
      </c>
      <c r="R165" s="16">
        <v>1129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19</v>
      </c>
      <c r="F167" s="19">
        <v>1895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19</v>
      </c>
      <c r="N167" s="19">
        <v>1895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290</v>
      </c>
      <c r="F168" s="21">
        <v>20103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232</v>
      </c>
      <c r="N168" s="21">
        <v>15225</v>
      </c>
      <c r="O168" s="21">
        <v>0</v>
      </c>
      <c r="P168" s="21">
        <v>0</v>
      </c>
      <c r="Q168" s="21">
        <v>58</v>
      </c>
      <c r="R168" s="21">
        <v>4878</v>
      </c>
    </row>
    <row r="169" spans="2:18" ht="12.95" customHeight="1" x14ac:dyDescent="0.15">
      <c r="B169" s="12"/>
      <c r="C169" s="12"/>
      <c r="D169" s="15" t="s">
        <v>132</v>
      </c>
      <c r="E169" s="16">
        <v>24</v>
      </c>
      <c r="F169" s="16">
        <v>2615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24</v>
      </c>
      <c r="R169" s="16">
        <v>2615</v>
      </c>
    </row>
    <row r="170" spans="2:18" ht="12.95" customHeight="1" x14ac:dyDescent="0.15">
      <c r="B170" s="12"/>
      <c r="C170" s="12"/>
      <c r="D170" s="15" t="s">
        <v>133</v>
      </c>
      <c r="E170" s="16">
        <v>100</v>
      </c>
      <c r="F170" s="16">
        <v>4067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66</v>
      </c>
      <c r="N170" s="16">
        <v>1804</v>
      </c>
      <c r="O170" s="16">
        <v>0</v>
      </c>
      <c r="P170" s="16">
        <v>0</v>
      </c>
      <c r="Q170" s="16">
        <v>34</v>
      </c>
      <c r="R170" s="16">
        <v>2263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166</v>
      </c>
      <c r="F172" s="19">
        <v>13421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166</v>
      </c>
      <c r="N172" s="19">
        <v>13421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38</v>
      </c>
      <c r="F173" s="21">
        <v>8378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39</v>
      </c>
      <c r="N173" s="21">
        <v>1857</v>
      </c>
      <c r="O173" s="21">
        <v>0</v>
      </c>
      <c r="P173" s="21">
        <v>0</v>
      </c>
      <c r="Q173" s="21">
        <v>99</v>
      </c>
      <c r="R173" s="21">
        <v>6521</v>
      </c>
    </row>
    <row r="174" spans="2:18" ht="12.95" customHeight="1" x14ac:dyDescent="0.15">
      <c r="B174" s="12"/>
      <c r="C174" s="12"/>
      <c r="D174" s="15" t="s">
        <v>132</v>
      </c>
      <c r="E174" s="16">
        <v>37</v>
      </c>
      <c r="F174" s="16">
        <v>3746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37</v>
      </c>
      <c r="R174" s="16">
        <v>3746</v>
      </c>
    </row>
    <row r="175" spans="2:18" ht="12.95" customHeight="1" x14ac:dyDescent="0.15">
      <c r="B175" s="12"/>
      <c r="C175" s="12"/>
      <c r="D175" s="15" t="s">
        <v>133</v>
      </c>
      <c r="E175" s="16">
        <v>88</v>
      </c>
      <c r="F175" s="16">
        <v>3342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26</v>
      </c>
      <c r="N175" s="16">
        <v>567</v>
      </c>
      <c r="O175" s="16">
        <v>0</v>
      </c>
      <c r="P175" s="16">
        <v>0</v>
      </c>
      <c r="Q175" s="16">
        <v>62</v>
      </c>
      <c r="R175" s="16">
        <v>2775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13</v>
      </c>
      <c r="F177" s="19">
        <v>1290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13</v>
      </c>
      <c r="N177" s="19">
        <v>1290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741</v>
      </c>
      <c r="F178" s="21">
        <v>135632</v>
      </c>
      <c r="G178" s="21">
        <v>424</v>
      </c>
      <c r="H178" s="21">
        <v>26566</v>
      </c>
      <c r="I178" s="21">
        <v>0</v>
      </c>
      <c r="J178" s="21">
        <v>0</v>
      </c>
      <c r="K178" s="21">
        <v>0</v>
      </c>
      <c r="L178" s="21">
        <v>0</v>
      </c>
      <c r="M178" s="21">
        <v>619</v>
      </c>
      <c r="N178" s="21">
        <v>50572</v>
      </c>
      <c r="O178" s="21">
        <v>1</v>
      </c>
      <c r="P178" s="21">
        <v>101</v>
      </c>
      <c r="Q178" s="21">
        <v>697</v>
      </c>
      <c r="R178" s="21">
        <v>58393</v>
      </c>
    </row>
    <row r="179" spans="2:18" ht="12.95" customHeight="1" x14ac:dyDescent="0.15">
      <c r="B179" s="12"/>
      <c r="C179" s="12"/>
      <c r="D179" s="15" t="s">
        <v>132</v>
      </c>
      <c r="E179" s="16">
        <v>387</v>
      </c>
      <c r="F179" s="16">
        <v>44026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387</v>
      </c>
      <c r="R179" s="16">
        <v>44026</v>
      </c>
    </row>
    <row r="180" spans="2:18" ht="12.95" customHeight="1" x14ac:dyDescent="0.15">
      <c r="B180" s="12"/>
      <c r="C180" s="12"/>
      <c r="D180" s="15" t="s">
        <v>133</v>
      </c>
      <c r="E180" s="16">
        <v>870</v>
      </c>
      <c r="F180" s="16">
        <v>45243</v>
      </c>
      <c r="G180" s="16">
        <v>424</v>
      </c>
      <c r="H180" s="16">
        <v>26566</v>
      </c>
      <c r="I180" s="16">
        <v>0</v>
      </c>
      <c r="J180" s="16">
        <v>0</v>
      </c>
      <c r="K180" s="16">
        <v>0</v>
      </c>
      <c r="L180" s="16">
        <v>0</v>
      </c>
      <c r="M180" s="16">
        <v>135</v>
      </c>
      <c r="N180" s="16">
        <v>4209</v>
      </c>
      <c r="O180" s="16">
        <v>1</v>
      </c>
      <c r="P180" s="16">
        <v>101</v>
      </c>
      <c r="Q180" s="16">
        <v>310</v>
      </c>
      <c r="R180" s="16">
        <v>14367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484</v>
      </c>
      <c r="F182" s="19">
        <v>46363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484</v>
      </c>
      <c r="N182" s="19">
        <v>46363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58</v>
      </c>
      <c r="F183" s="21">
        <v>11857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87</v>
      </c>
      <c r="N183" s="21">
        <v>5579</v>
      </c>
      <c r="O183" s="21">
        <v>0</v>
      </c>
      <c r="P183" s="21">
        <v>0</v>
      </c>
      <c r="Q183" s="21">
        <v>71</v>
      </c>
      <c r="R183" s="21">
        <v>6278</v>
      </c>
    </row>
    <row r="184" spans="2:18" ht="12.95" customHeight="1" x14ac:dyDescent="0.15">
      <c r="B184" s="12"/>
      <c r="C184" s="12"/>
      <c r="D184" s="15" t="s">
        <v>132</v>
      </c>
      <c r="E184" s="16">
        <v>55</v>
      </c>
      <c r="F184" s="16">
        <v>6080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55</v>
      </c>
      <c r="R184" s="16">
        <v>6080</v>
      </c>
    </row>
    <row r="185" spans="2:18" ht="12.95" customHeight="1" x14ac:dyDescent="0.15">
      <c r="B185" s="12"/>
      <c r="C185" s="12"/>
      <c r="D185" s="15" t="s">
        <v>133</v>
      </c>
      <c r="E185" s="16">
        <v>65</v>
      </c>
      <c r="F185" s="16">
        <v>1549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49</v>
      </c>
      <c r="N185" s="16">
        <v>1351</v>
      </c>
      <c r="O185" s="16">
        <v>0</v>
      </c>
      <c r="P185" s="16">
        <v>0</v>
      </c>
      <c r="Q185" s="16">
        <v>16</v>
      </c>
      <c r="R185" s="16">
        <v>198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38</v>
      </c>
      <c r="F187" s="19">
        <v>4228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38</v>
      </c>
      <c r="N187" s="19">
        <v>4228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07</v>
      </c>
      <c r="F188" s="21">
        <v>9354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43</v>
      </c>
      <c r="N188" s="21">
        <v>3930</v>
      </c>
      <c r="O188" s="21">
        <v>0</v>
      </c>
      <c r="P188" s="21">
        <v>0</v>
      </c>
      <c r="Q188" s="21">
        <v>64</v>
      </c>
      <c r="R188" s="21">
        <v>5424</v>
      </c>
    </row>
    <row r="189" spans="2:18" ht="12.95" customHeight="1" x14ac:dyDescent="0.15">
      <c r="B189" s="12"/>
      <c r="C189" s="12"/>
      <c r="D189" s="15" t="s">
        <v>132</v>
      </c>
      <c r="E189" s="16">
        <v>41</v>
      </c>
      <c r="F189" s="16">
        <v>4662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41</v>
      </c>
      <c r="R189" s="16">
        <v>4662</v>
      </c>
    </row>
    <row r="190" spans="2:18" ht="12.95" customHeight="1" x14ac:dyDescent="0.15">
      <c r="B190" s="12"/>
      <c r="C190" s="12"/>
      <c r="D190" s="15" t="s">
        <v>133</v>
      </c>
      <c r="E190" s="16">
        <v>27</v>
      </c>
      <c r="F190" s="16">
        <v>858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4</v>
      </c>
      <c r="N190" s="16">
        <v>96</v>
      </c>
      <c r="O190" s="16">
        <v>0</v>
      </c>
      <c r="P190" s="16">
        <v>0</v>
      </c>
      <c r="Q190" s="16">
        <v>23</v>
      </c>
      <c r="R190" s="16">
        <v>762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39</v>
      </c>
      <c r="F192" s="19">
        <v>3834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39</v>
      </c>
      <c r="N192" s="19">
        <v>3834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51</v>
      </c>
      <c r="F193" s="21">
        <v>5001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17</v>
      </c>
      <c r="N193" s="21">
        <v>1707</v>
      </c>
      <c r="O193" s="21">
        <v>0</v>
      </c>
      <c r="P193" s="21">
        <v>0</v>
      </c>
      <c r="Q193" s="21">
        <v>34</v>
      </c>
      <c r="R193" s="21">
        <v>3294</v>
      </c>
    </row>
    <row r="194" spans="2:18" ht="12.95" customHeight="1" x14ac:dyDescent="0.15">
      <c r="B194" s="12"/>
      <c r="C194" s="12"/>
      <c r="D194" s="15" t="s">
        <v>132</v>
      </c>
      <c r="E194" s="16">
        <v>24</v>
      </c>
      <c r="F194" s="16">
        <v>2917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24</v>
      </c>
      <c r="R194" s="16">
        <v>2917</v>
      </c>
    </row>
    <row r="195" spans="2:18" ht="12.95" customHeight="1" x14ac:dyDescent="0.15">
      <c r="B195" s="12"/>
      <c r="C195" s="12"/>
      <c r="D195" s="15" t="s">
        <v>133</v>
      </c>
      <c r="E195" s="16">
        <v>10</v>
      </c>
      <c r="F195" s="16">
        <v>377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  <c r="Q195" s="16">
        <v>10</v>
      </c>
      <c r="R195" s="16">
        <v>377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17</v>
      </c>
      <c r="F197" s="19">
        <v>1707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17</v>
      </c>
      <c r="N197" s="19">
        <v>1707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373</v>
      </c>
      <c r="F198" s="21">
        <v>30954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254</v>
      </c>
      <c r="N198" s="21">
        <v>22102</v>
      </c>
      <c r="O198" s="21">
        <v>1</v>
      </c>
      <c r="P198" s="21">
        <v>101</v>
      </c>
      <c r="Q198" s="21">
        <v>118</v>
      </c>
      <c r="R198" s="21">
        <v>8751</v>
      </c>
    </row>
    <row r="199" spans="2:18" ht="12.95" customHeight="1" x14ac:dyDescent="0.15">
      <c r="B199" s="12"/>
      <c r="C199" s="12"/>
      <c r="D199" s="15" t="s">
        <v>132</v>
      </c>
      <c r="E199" s="16">
        <v>48</v>
      </c>
      <c r="F199" s="16">
        <v>5505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48</v>
      </c>
      <c r="R199" s="16">
        <v>5505</v>
      </c>
    </row>
    <row r="200" spans="2:18" ht="12.95" customHeight="1" x14ac:dyDescent="0.15">
      <c r="B200" s="12"/>
      <c r="C200" s="12"/>
      <c r="D200" s="15" t="s">
        <v>133</v>
      </c>
      <c r="E200" s="16">
        <v>83</v>
      </c>
      <c r="F200" s="16">
        <v>3577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12</v>
      </c>
      <c r="N200" s="16">
        <v>230</v>
      </c>
      <c r="O200" s="16">
        <v>1</v>
      </c>
      <c r="P200" s="16">
        <v>101</v>
      </c>
      <c r="Q200" s="16">
        <v>70</v>
      </c>
      <c r="R200" s="16">
        <v>3246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242</v>
      </c>
      <c r="F202" s="19">
        <v>21872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242</v>
      </c>
      <c r="N202" s="19">
        <v>21872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53</v>
      </c>
      <c r="F203" s="21">
        <v>5750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19</v>
      </c>
      <c r="N203" s="21">
        <v>1993</v>
      </c>
      <c r="O203" s="21">
        <v>0</v>
      </c>
      <c r="P203" s="21">
        <v>0</v>
      </c>
      <c r="Q203" s="21">
        <v>34</v>
      </c>
      <c r="R203" s="21">
        <v>3757</v>
      </c>
    </row>
    <row r="204" spans="2:18" ht="12.95" customHeight="1" x14ac:dyDescent="0.15">
      <c r="B204" s="12"/>
      <c r="C204" s="12"/>
      <c r="D204" s="15" t="s">
        <v>132</v>
      </c>
      <c r="E204" s="16">
        <v>32</v>
      </c>
      <c r="F204" s="16">
        <v>3665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32</v>
      </c>
      <c r="R204" s="16">
        <v>3665</v>
      </c>
    </row>
    <row r="205" spans="2:18" ht="12.95" customHeight="1" x14ac:dyDescent="0.15">
      <c r="B205" s="12"/>
      <c r="C205" s="12"/>
      <c r="D205" s="15" t="s">
        <v>133</v>
      </c>
      <c r="E205" s="16">
        <v>2</v>
      </c>
      <c r="F205" s="16">
        <v>92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2</v>
      </c>
      <c r="R205" s="16">
        <v>92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19</v>
      </c>
      <c r="F207" s="19">
        <v>1993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19</v>
      </c>
      <c r="N207" s="19">
        <v>1993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496</v>
      </c>
      <c r="F208" s="21">
        <v>33244</v>
      </c>
      <c r="G208" s="21">
        <v>424</v>
      </c>
      <c r="H208" s="21">
        <v>26566</v>
      </c>
      <c r="I208" s="21">
        <v>0</v>
      </c>
      <c r="J208" s="21">
        <v>0</v>
      </c>
      <c r="K208" s="21">
        <v>0</v>
      </c>
      <c r="L208" s="21">
        <v>0</v>
      </c>
      <c r="M208" s="21">
        <v>28</v>
      </c>
      <c r="N208" s="21">
        <v>2759</v>
      </c>
      <c r="O208" s="21">
        <v>0</v>
      </c>
      <c r="P208" s="21">
        <v>0</v>
      </c>
      <c r="Q208" s="21">
        <v>44</v>
      </c>
      <c r="R208" s="21">
        <v>3919</v>
      </c>
    </row>
    <row r="209" spans="2:18" ht="12.95" customHeight="1" x14ac:dyDescent="0.15">
      <c r="B209" s="12"/>
      <c r="C209" s="12"/>
      <c r="D209" s="15" t="s">
        <v>132</v>
      </c>
      <c r="E209" s="16">
        <v>28</v>
      </c>
      <c r="F209" s="16">
        <v>3143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28</v>
      </c>
      <c r="R209" s="16">
        <v>3143</v>
      </c>
    </row>
    <row r="210" spans="2:18" ht="12.95" customHeight="1" x14ac:dyDescent="0.15">
      <c r="B210" s="12"/>
      <c r="C210" s="12"/>
      <c r="D210" s="15" t="s">
        <v>133</v>
      </c>
      <c r="E210" s="16">
        <v>440</v>
      </c>
      <c r="F210" s="16">
        <v>27342</v>
      </c>
      <c r="G210" s="16">
        <v>424</v>
      </c>
      <c r="H210" s="16">
        <v>26566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16</v>
      </c>
      <c r="R210" s="16">
        <v>776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28</v>
      </c>
      <c r="F212" s="19">
        <v>2759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28</v>
      </c>
      <c r="N212" s="19">
        <v>2759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45</v>
      </c>
      <c r="F213" s="21">
        <v>3241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26</v>
      </c>
      <c r="N213" s="21">
        <v>1745</v>
      </c>
      <c r="O213" s="21">
        <v>0</v>
      </c>
      <c r="P213" s="21">
        <v>0</v>
      </c>
      <c r="Q213" s="21">
        <v>19</v>
      </c>
      <c r="R213" s="21">
        <v>1496</v>
      </c>
    </row>
    <row r="214" spans="2:18" ht="12.95" customHeight="1" x14ac:dyDescent="0.15">
      <c r="B214" s="12"/>
      <c r="C214" s="12"/>
      <c r="D214" s="15" t="s">
        <v>132</v>
      </c>
      <c r="E214" s="16">
        <v>10</v>
      </c>
      <c r="F214" s="16">
        <v>1076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0</v>
      </c>
      <c r="R214" s="16">
        <v>1076</v>
      </c>
    </row>
    <row r="215" spans="2:18" ht="12.95" customHeight="1" x14ac:dyDescent="0.15">
      <c r="B215" s="12"/>
      <c r="C215" s="12"/>
      <c r="D215" s="15" t="s">
        <v>133</v>
      </c>
      <c r="E215" s="16">
        <v>29</v>
      </c>
      <c r="F215" s="16">
        <v>1549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20</v>
      </c>
      <c r="N215" s="16">
        <v>1129</v>
      </c>
      <c r="O215" s="16">
        <v>0</v>
      </c>
      <c r="P215" s="16">
        <v>0</v>
      </c>
      <c r="Q215" s="16">
        <v>9</v>
      </c>
      <c r="R215" s="16">
        <v>420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6</v>
      </c>
      <c r="F217" s="19">
        <v>616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6</v>
      </c>
      <c r="N217" s="19">
        <v>616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6</v>
      </c>
      <c r="F218" s="21">
        <v>664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  <c r="Q218" s="21">
        <v>6</v>
      </c>
      <c r="R218" s="21">
        <v>664</v>
      </c>
    </row>
    <row r="219" spans="2:18" ht="12.95" customHeight="1" x14ac:dyDescent="0.15">
      <c r="B219" s="12"/>
      <c r="C219" s="12"/>
      <c r="D219" s="15" t="s">
        <v>132</v>
      </c>
      <c r="E219" s="16">
        <v>6</v>
      </c>
      <c r="F219" s="16">
        <v>664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6</v>
      </c>
      <c r="R219" s="16">
        <v>664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51</v>
      </c>
      <c r="F223" s="21">
        <v>4338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14</v>
      </c>
      <c r="N223" s="21">
        <v>1001</v>
      </c>
      <c r="O223" s="21">
        <v>0</v>
      </c>
      <c r="P223" s="21">
        <v>0</v>
      </c>
      <c r="Q223" s="21">
        <v>37</v>
      </c>
      <c r="R223" s="21">
        <v>3337</v>
      </c>
    </row>
    <row r="224" spans="2:18" ht="12.95" customHeight="1" x14ac:dyDescent="0.15">
      <c r="B224" s="12"/>
      <c r="C224" s="12"/>
      <c r="D224" s="15" t="s">
        <v>132</v>
      </c>
      <c r="E224" s="16">
        <v>21</v>
      </c>
      <c r="F224" s="16">
        <v>2623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21</v>
      </c>
      <c r="R224" s="16">
        <v>2623</v>
      </c>
    </row>
    <row r="225" spans="2:18" ht="12.95" customHeight="1" x14ac:dyDescent="0.15">
      <c r="B225" s="12"/>
      <c r="C225" s="12"/>
      <c r="D225" s="15" t="s">
        <v>133</v>
      </c>
      <c r="E225" s="16">
        <v>21</v>
      </c>
      <c r="F225" s="16">
        <v>811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5</v>
      </c>
      <c r="N225" s="16">
        <v>97</v>
      </c>
      <c r="O225" s="16">
        <v>0</v>
      </c>
      <c r="P225" s="16">
        <v>0</v>
      </c>
      <c r="Q225" s="16">
        <v>16</v>
      </c>
      <c r="R225" s="16">
        <v>714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9</v>
      </c>
      <c r="F227" s="19">
        <v>904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9</v>
      </c>
      <c r="N227" s="19">
        <v>904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113</v>
      </c>
      <c r="F228" s="21">
        <v>7118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38</v>
      </c>
      <c r="N228" s="21">
        <v>1926</v>
      </c>
      <c r="O228" s="21">
        <v>0</v>
      </c>
      <c r="P228" s="21">
        <v>0</v>
      </c>
      <c r="Q228" s="21">
        <v>75</v>
      </c>
      <c r="R228" s="21">
        <v>5192</v>
      </c>
    </row>
    <row r="229" spans="2:18" ht="12.95" customHeight="1" x14ac:dyDescent="0.15">
      <c r="B229" s="12"/>
      <c r="C229" s="12"/>
      <c r="D229" s="15" t="s">
        <v>132</v>
      </c>
      <c r="E229" s="16">
        <v>24</v>
      </c>
      <c r="F229" s="16">
        <v>2736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24</v>
      </c>
      <c r="R229" s="16">
        <v>2736</v>
      </c>
    </row>
    <row r="230" spans="2:18" ht="12.95" customHeight="1" x14ac:dyDescent="0.15">
      <c r="B230" s="12"/>
      <c r="C230" s="12"/>
      <c r="D230" s="15" t="s">
        <v>133</v>
      </c>
      <c r="E230" s="16">
        <v>78</v>
      </c>
      <c r="F230" s="16">
        <v>3274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27</v>
      </c>
      <c r="N230" s="16">
        <v>818</v>
      </c>
      <c r="O230" s="16">
        <v>0</v>
      </c>
      <c r="P230" s="16">
        <v>0</v>
      </c>
      <c r="Q230" s="16">
        <v>51</v>
      </c>
      <c r="R230" s="16">
        <v>2456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11</v>
      </c>
      <c r="F232" s="19">
        <v>1108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11</v>
      </c>
      <c r="N232" s="19">
        <v>1108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35</v>
      </c>
      <c r="F233" s="21">
        <v>3320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13</v>
      </c>
      <c r="N233" s="21">
        <v>1175</v>
      </c>
      <c r="O233" s="21">
        <v>0</v>
      </c>
      <c r="P233" s="21">
        <v>0</v>
      </c>
      <c r="Q233" s="21">
        <v>22</v>
      </c>
      <c r="R233" s="21">
        <v>2145</v>
      </c>
    </row>
    <row r="234" spans="2:18" ht="12.95" customHeight="1" x14ac:dyDescent="0.15">
      <c r="B234" s="12"/>
      <c r="C234" s="12"/>
      <c r="D234" s="15" t="s">
        <v>132</v>
      </c>
      <c r="E234" s="16">
        <v>13</v>
      </c>
      <c r="F234" s="16">
        <v>1467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13</v>
      </c>
      <c r="R234" s="16">
        <v>1467</v>
      </c>
    </row>
    <row r="235" spans="2:18" ht="12.95" customHeight="1" x14ac:dyDescent="0.15">
      <c r="B235" s="12"/>
      <c r="C235" s="12"/>
      <c r="D235" s="15" t="s">
        <v>133</v>
      </c>
      <c r="E235" s="16">
        <v>9</v>
      </c>
      <c r="F235" s="16">
        <v>678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  <c r="Q235" s="16">
        <v>9</v>
      </c>
      <c r="R235" s="16">
        <v>678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13</v>
      </c>
      <c r="F237" s="19">
        <v>1175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13</v>
      </c>
      <c r="N237" s="19">
        <v>1175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37</v>
      </c>
      <c r="F238" s="21">
        <v>2782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8</v>
      </c>
      <c r="N238" s="21">
        <v>807</v>
      </c>
      <c r="O238" s="21">
        <v>0</v>
      </c>
      <c r="P238" s="21">
        <v>0</v>
      </c>
      <c r="Q238" s="21">
        <v>29</v>
      </c>
      <c r="R238" s="21">
        <v>1975</v>
      </c>
    </row>
    <row r="239" spans="2:18" ht="12.95" customHeight="1" x14ac:dyDescent="0.15">
      <c r="B239" s="12"/>
      <c r="C239" s="12"/>
      <c r="D239" s="15" t="s">
        <v>132</v>
      </c>
      <c r="E239" s="16">
        <v>11</v>
      </c>
      <c r="F239" s="16">
        <v>1044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11</v>
      </c>
      <c r="R239" s="16">
        <v>1044</v>
      </c>
    </row>
    <row r="240" spans="2:18" ht="12.95" customHeight="1" x14ac:dyDescent="0.15">
      <c r="B240" s="12"/>
      <c r="C240" s="12"/>
      <c r="D240" s="15" t="s">
        <v>133</v>
      </c>
      <c r="E240" s="16">
        <v>18</v>
      </c>
      <c r="F240" s="16">
        <v>931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18</v>
      </c>
      <c r="R240" s="16">
        <v>931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8</v>
      </c>
      <c r="F242" s="19">
        <v>807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8</v>
      </c>
      <c r="N242" s="19">
        <v>807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97</v>
      </c>
      <c r="F243" s="21">
        <v>7007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27</v>
      </c>
      <c r="N243" s="21">
        <v>1394</v>
      </c>
      <c r="O243" s="21">
        <v>0</v>
      </c>
      <c r="P243" s="21">
        <v>0</v>
      </c>
      <c r="Q243" s="21">
        <v>70</v>
      </c>
      <c r="R243" s="21">
        <v>5613</v>
      </c>
    </row>
    <row r="244" spans="2:18" ht="12.95" customHeight="1" x14ac:dyDescent="0.15">
      <c r="B244" s="12"/>
      <c r="C244" s="12"/>
      <c r="D244" s="15" t="s">
        <v>132</v>
      </c>
      <c r="E244" s="16">
        <v>27</v>
      </c>
      <c r="F244" s="16">
        <v>3122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7</v>
      </c>
      <c r="R244" s="16">
        <v>3122</v>
      </c>
    </row>
    <row r="245" spans="2:18" ht="12.95" customHeight="1" x14ac:dyDescent="0.15">
      <c r="B245" s="12"/>
      <c r="C245" s="12"/>
      <c r="D245" s="15" t="s">
        <v>133</v>
      </c>
      <c r="E245" s="16">
        <v>61</v>
      </c>
      <c r="F245" s="16">
        <v>2979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18</v>
      </c>
      <c r="N245" s="16">
        <v>488</v>
      </c>
      <c r="O245" s="16">
        <v>0</v>
      </c>
      <c r="P245" s="16">
        <v>0</v>
      </c>
      <c r="Q245" s="16">
        <v>43</v>
      </c>
      <c r="R245" s="16">
        <v>2491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9</v>
      </c>
      <c r="F247" s="19">
        <v>906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9</v>
      </c>
      <c r="N247" s="19">
        <v>906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59</v>
      </c>
      <c r="F248" s="21">
        <v>4689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16</v>
      </c>
      <c r="N248" s="21">
        <v>1606</v>
      </c>
      <c r="O248" s="21">
        <v>0</v>
      </c>
      <c r="P248" s="21">
        <v>0</v>
      </c>
      <c r="Q248" s="21">
        <v>43</v>
      </c>
      <c r="R248" s="21">
        <v>3083</v>
      </c>
    </row>
    <row r="249" spans="2:18" ht="12.95" customHeight="1" x14ac:dyDescent="0.15">
      <c r="B249" s="12"/>
      <c r="C249" s="12"/>
      <c r="D249" s="15" t="s">
        <v>132</v>
      </c>
      <c r="E249" s="16">
        <v>18</v>
      </c>
      <c r="F249" s="16">
        <v>2021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18</v>
      </c>
      <c r="R249" s="16">
        <v>2021</v>
      </c>
    </row>
    <row r="250" spans="2:18" ht="12.95" customHeight="1" x14ac:dyDescent="0.15">
      <c r="B250" s="12"/>
      <c r="C250" s="12"/>
      <c r="D250" s="15" t="s">
        <v>133</v>
      </c>
      <c r="E250" s="16">
        <v>25</v>
      </c>
      <c r="F250" s="16">
        <v>1062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25</v>
      </c>
      <c r="R250" s="16">
        <v>1062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16</v>
      </c>
      <c r="F252" s="19">
        <v>1606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16</v>
      </c>
      <c r="N252" s="19">
        <v>1606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25</v>
      </c>
      <c r="F253" s="21">
        <v>2642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14</v>
      </c>
      <c r="N253" s="21">
        <v>1411</v>
      </c>
      <c r="O253" s="21">
        <v>0</v>
      </c>
      <c r="P253" s="21">
        <v>0</v>
      </c>
      <c r="Q253" s="21">
        <v>11</v>
      </c>
      <c r="R253" s="21">
        <v>1231</v>
      </c>
    </row>
    <row r="254" spans="2:18" ht="12.95" customHeight="1" x14ac:dyDescent="0.15">
      <c r="B254" s="12"/>
      <c r="C254" s="12"/>
      <c r="D254" s="15" t="s">
        <v>132</v>
      </c>
      <c r="E254" s="16">
        <v>9</v>
      </c>
      <c r="F254" s="16">
        <v>1067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9</v>
      </c>
      <c r="R254" s="16">
        <v>1067</v>
      </c>
    </row>
    <row r="255" spans="2:18" ht="12.95" customHeight="1" x14ac:dyDescent="0.15">
      <c r="B255" s="12"/>
      <c r="C255" s="12"/>
      <c r="D255" s="15" t="s">
        <v>133</v>
      </c>
      <c r="E255" s="16">
        <v>2</v>
      </c>
      <c r="F255" s="16">
        <v>164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2</v>
      </c>
      <c r="R255" s="16">
        <v>164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14</v>
      </c>
      <c r="F257" s="19">
        <v>1411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14</v>
      </c>
      <c r="N257" s="19">
        <v>1411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35</v>
      </c>
      <c r="F258" s="21">
        <v>3671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15</v>
      </c>
      <c r="N258" s="21">
        <v>1437</v>
      </c>
      <c r="O258" s="21">
        <v>0</v>
      </c>
      <c r="P258" s="21">
        <v>0</v>
      </c>
      <c r="Q258" s="21">
        <v>20</v>
      </c>
      <c r="R258" s="21">
        <v>2234</v>
      </c>
    </row>
    <row r="259" spans="2:18" ht="12.95" customHeight="1" x14ac:dyDescent="0.15">
      <c r="B259" s="12"/>
      <c r="C259" s="12"/>
      <c r="D259" s="15" t="s">
        <v>132</v>
      </c>
      <c r="E259" s="16">
        <v>20</v>
      </c>
      <c r="F259" s="16">
        <v>2234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20</v>
      </c>
      <c r="R259" s="16">
        <v>2234</v>
      </c>
    </row>
    <row r="260" spans="2:18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5</v>
      </c>
      <c r="F262" s="19">
        <v>1437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5</v>
      </c>
      <c r="N262" s="19">
        <v>1437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9</v>
      </c>
      <c r="F263" s="21">
        <v>1388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0</v>
      </c>
      <c r="P263" s="21">
        <v>0</v>
      </c>
      <c r="Q263" s="21">
        <v>9</v>
      </c>
      <c r="R263" s="21">
        <v>1388</v>
      </c>
    </row>
    <row r="264" spans="2:18" ht="12.95" customHeight="1" x14ac:dyDescent="0.15">
      <c r="B264" s="12"/>
      <c r="C264" s="12"/>
      <c r="D264" s="15" t="s">
        <v>132</v>
      </c>
      <c r="E264" s="16">
        <v>9</v>
      </c>
      <c r="F264" s="16">
        <v>1388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9</v>
      </c>
      <c r="R264" s="16">
        <v>1388</v>
      </c>
    </row>
    <row r="265" spans="2:18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9</v>
      </c>
      <c r="F268" s="21">
        <v>1388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0</v>
      </c>
      <c r="P268" s="21">
        <v>0</v>
      </c>
      <c r="Q268" s="21">
        <v>9</v>
      </c>
      <c r="R268" s="21">
        <v>1388</v>
      </c>
    </row>
    <row r="269" spans="2:18" ht="12.95" customHeight="1" x14ac:dyDescent="0.15">
      <c r="B269" s="12"/>
      <c r="C269" s="12"/>
      <c r="D269" s="15" t="s">
        <v>132</v>
      </c>
      <c r="E269" s="16">
        <v>9</v>
      </c>
      <c r="F269" s="16">
        <v>1388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9</v>
      </c>
      <c r="R269" s="16">
        <v>1388</v>
      </c>
    </row>
    <row r="270" spans="2:18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0</v>
      </c>
      <c r="F272" s="19">
        <v>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21</v>
      </c>
      <c r="F273" s="21">
        <v>2217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10</v>
      </c>
      <c r="N273" s="21">
        <v>1026</v>
      </c>
      <c r="O273" s="21">
        <v>0</v>
      </c>
      <c r="P273" s="21">
        <v>0</v>
      </c>
      <c r="Q273" s="21">
        <v>11</v>
      </c>
      <c r="R273" s="21">
        <v>1191</v>
      </c>
    </row>
    <row r="274" spans="2:18" ht="12.95" customHeight="1" x14ac:dyDescent="0.15">
      <c r="B274" s="12"/>
      <c r="C274" s="12"/>
      <c r="D274" s="15" t="s">
        <v>132</v>
      </c>
      <c r="E274" s="16">
        <v>11</v>
      </c>
      <c r="F274" s="16">
        <v>1191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1</v>
      </c>
      <c r="R274" s="16">
        <v>1191</v>
      </c>
    </row>
    <row r="275" spans="2:18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0</v>
      </c>
      <c r="R275" s="16">
        <v>0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10</v>
      </c>
      <c r="F277" s="19">
        <v>1026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10</v>
      </c>
      <c r="N277" s="19">
        <v>1026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21</v>
      </c>
      <c r="F278" s="21">
        <v>2217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10</v>
      </c>
      <c r="N278" s="21">
        <v>1026</v>
      </c>
      <c r="O278" s="21">
        <v>0</v>
      </c>
      <c r="P278" s="21">
        <v>0</v>
      </c>
      <c r="Q278" s="21">
        <v>11</v>
      </c>
      <c r="R278" s="21">
        <v>1191</v>
      </c>
    </row>
    <row r="279" spans="2:18" ht="12.95" customHeight="1" x14ac:dyDescent="0.15">
      <c r="B279" s="12"/>
      <c r="C279" s="12"/>
      <c r="D279" s="15" t="s">
        <v>132</v>
      </c>
      <c r="E279" s="16">
        <v>11</v>
      </c>
      <c r="F279" s="16">
        <v>1191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1</v>
      </c>
      <c r="R279" s="16">
        <v>1191</v>
      </c>
    </row>
    <row r="280" spans="2:18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0</v>
      </c>
      <c r="R280" s="16">
        <v>0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10</v>
      </c>
      <c r="F282" s="19">
        <v>1026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10</v>
      </c>
      <c r="N282" s="19">
        <v>1026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18</v>
      </c>
      <c r="F283" s="21">
        <v>1908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1</v>
      </c>
      <c r="N283" s="21">
        <v>99</v>
      </c>
      <c r="O283" s="21">
        <v>0</v>
      </c>
      <c r="P283" s="21">
        <v>0</v>
      </c>
      <c r="Q283" s="21">
        <v>17</v>
      </c>
      <c r="R283" s="21">
        <v>1809</v>
      </c>
    </row>
    <row r="284" spans="2:18" ht="12.95" customHeight="1" x14ac:dyDescent="0.15">
      <c r="B284" s="12"/>
      <c r="C284" s="12"/>
      <c r="D284" s="15" t="s">
        <v>132</v>
      </c>
      <c r="E284" s="16">
        <v>15</v>
      </c>
      <c r="F284" s="16">
        <v>1671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5</v>
      </c>
      <c r="R284" s="16">
        <v>1671</v>
      </c>
    </row>
    <row r="285" spans="2:18" ht="12.95" customHeight="1" x14ac:dyDescent="0.15">
      <c r="B285" s="12"/>
      <c r="C285" s="12"/>
      <c r="D285" s="15" t="s">
        <v>133</v>
      </c>
      <c r="E285" s="16">
        <v>2</v>
      </c>
      <c r="F285" s="16">
        <v>138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2</v>
      </c>
      <c r="R285" s="16">
        <v>138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1</v>
      </c>
      <c r="F287" s="19">
        <v>99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1</v>
      </c>
      <c r="N287" s="19">
        <v>99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0</v>
      </c>
      <c r="F288" s="21">
        <v>957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1</v>
      </c>
      <c r="N288" s="21">
        <v>99</v>
      </c>
      <c r="O288" s="21">
        <v>0</v>
      </c>
      <c r="P288" s="21">
        <v>0</v>
      </c>
      <c r="Q288" s="21">
        <v>9</v>
      </c>
      <c r="R288" s="21">
        <v>858</v>
      </c>
    </row>
    <row r="289" spans="2:18" ht="12.95" customHeight="1" x14ac:dyDescent="0.15">
      <c r="B289" s="12"/>
      <c r="C289" s="12"/>
      <c r="D289" s="15" t="s">
        <v>132</v>
      </c>
      <c r="E289" s="16">
        <v>7</v>
      </c>
      <c r="F289" s="16">
        <v>72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7</v>
      </c>
      <c r="R289" s="16">
        <v>720</v>
      </c>
    </row>
    <row r="290" spans="2:18" ht="12.95" customHeight="1" x14ac:dyDescent="0.15">
      <c r="B290" s="12"/>
      <c r="C290" s="12"/>
      <c r="D290" s="15" t="s">
        <v>133</v>
      </c>
      <c r="E290" s="16">
        <v>2</v>
      </c>
      <c r="F290" s="16">
        <v>138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2</v>
      </c>
      <c r="R290" s="16">
        <v>138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1</v>
      </c>
      <c r="F292" s="19">
        <v>99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1</v>
      </c>
      <c r="N292" s="19">
        <v>99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8</v>
      </c>
      <c r="F293" s="21">
        <v>951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  <c r="Q293" s="21">
        <v>8</v>
      </c>
      <c r="R293" s="21">
        <v>951</v>
      </c>
    </row>
    <row r="294" spans="2:18" ht="12.95" customHeight="1" x14ac:dyDescent="0.15">
      <c r="B294" s="12"/>
      <c r="C294" s="12"/>
      <c r="D294" s="15" t="s">
        <v>132</v>
      </c>
      <c r="E294" s="16">
        <v>8</v>
      </c>
      <c r="F294" s="16">
        <v>951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8</v>
      </c>
      <c r="R294" s="16">
        <v>951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33</v>
      </c>
      <c r="F298" s="21">
        <v>3028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19</v>
      </c>
      <c r="N298" s="21">
        <v>1556</v>
      </c>
      <c r="O298" s="21">
        <v>0</v>
      </c>
      <c r="P298" s="21">
        <v>0</v>
      </c>
      <c r="Q298" s="21">
        <v>14</v>
      </c>
      <c r="R298" s="21">
        <v>1472</v>
      </c>
    </row>
    <row r="299" spans="2:18" ht="12.95" customHeight="1" x14ac:dyDescent="0.15">
      <c r="B299" s="12"/>
      <c r="C299" s="12"/>
      <c r="D299" s="15" t="s">
        <v>132</v>
      </c>
      <c r="E299" s="16">
        <v>14</v>
      </c>
      <c r="F299" s="16">
        <v>1472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4</v>
      </c>
      <c r="R299" s="16">
        <v>1472</v>
      </c>
    </row>
    <row r="300" spans="2:18" ht="12.95" customHeight="1" x14ac:dyDescent="0.15">
      <c r="B300" s="12"/>
      <c r="C300" s="12"/>
      <c r="D300" s="15" t="s">
        <v>133</v>
      </c>
      <c r="E300" s="16">
        <v>9</v>
      </c>
      <c r="F300" s="16">
        <v>460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9</v>
      </c>
      <c r="N300" s="16">
        <v>460</v>
      </c>
      <c r="O300" s="16">
        <v>0</v>
      </c>
      <c r="P300" s="16">
        <v>0</v>
      </c>
      <c r="Q300" s="16">
        <v>0</v>
      </c>
      <c r="R300" s="16">
        <v>0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10</v>
      </c>
      <c r="F302" s="19">
        <v>1096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10</v>
      </c>
      <c r="N302" s="19">
        <v>1096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3</v>
      </c>
      <c r="F303" s="21">
        <v>314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3</v>
      </c>
      <c r="R303" s="21">
        <v>314</v>
      </c>
    </row>
    <row r="304" spans="2:18" ht="12.95" customHeight="1" x14ac:dyDescent="0.15">
      <c r="B304" s="12"/>
      <c r="C304" s="12"/>
      <c r="D304" s="15" t="s">
        <v>132</v>
      </c>
      <c r="E304" s="16">
        <v>3</v>
      </c>
      <c r="F304" s="16">
        <v>314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3</v>
      </c>
      <c r="R304" s="16">
        <v>314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14</v>
      </c>
      <c r="F308" s="21">
        <v>1565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10</v>
      </c>
      <c r="N308" s="21">
        <v>1096</v>
      </c>
      <c r="O308" s="21">
        <v>0</v>
      </c>
      <c r="P308" s="21">
        <v>0</v>
      </c>
      <c r="Q308" s="21">
        <v>4</v>
      </c>
      <c r="R308" s="21">
        <v>469</v>
      </c>
    </row>
    <row r="309" spans="2:18" ht="12.95" customHeight="1" x14ac:dyDescent="0.15">
      <c r="B309" s="12"/>
      <c r="C309" s="12"/>
      <c r="D309" s="15" t="s">
        <v>132</v>
      </c>
      <c r="E309" s="16">
        <v>4</v>
      </c>
      <c r="F309" s="16">
        <v>469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4</v>
      </c>
      <c r="R309" s="16">
        <v>469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10</v>
      </c>
      <c r="F312" s="19">
        <v>1096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10</v>
      </c>
      <c r="N312" s="19">
        <v>1096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1</v>
      </c>
      <c r="F313" s="21">
        <v>96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  <c r="Q313" s="21">
        <v>1</v>
      </c>
      <c r="R313" s="21">
        <v>96</v>
      </c>
    </row>
    <row r="314" spans="2:18" ht="12.95" customHeight="1" x14ac:dyDescent="0.15">
      <c r="B314" s="12"/>
      <c r="C314" s="12"/>
      <c r="D314" s="15" t="s">
        <v>132</v>
      </c>
      <c r="E314" s="16">
        <v>1</v>
      </c>
      <c r="F314" s="16">
        <v>96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1</v>
      </c>
      <c r="R314" s="16">
        <v>96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187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2</v>
      </c>
      <c r="R318" s="21">
        <v>187</v>
      </c>
    </row>
    <row r="319" spans="2:18" ht="12.95" customHeight="1" x14ac:dyDescent="0.15">
      <c r="B319" s="12"/>
      <c r="C319" s="12"/>
      <c r="D319" s="15" t="s">
        <v>132</v>
      </c>
      <c r="E319" s="16">
        <v>2</v>
      </c>
      <c r="F319" s="16">
        <v>187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2</v>
      </c>
      <c r="R319" s="16">
        <v>187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13</v>
      </c>
      <c r="F323" s="21">
        <v>866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9</v>
      </c>
      <c r="N323" s="21">
        <v>460</v>
      </c>
      <c r="O323" s="21">
        <v>0</v>
      </c>
      <c r="P323" s="21">
        <v>0</v>
      </c>
      <c r="Q323" s="21">
        <v>4</v>
      </c>
      <c r="R323" s="21">
        <v>406</v>
      </c>
    </row>
    <row r="324" spans="2:18" ht="12.95" customHeight="1" x14ac:dyDescent="0.15">
      <c r="B324" s="12"/>
      <c r="C324" s="12"/>
      <c r="D324" s="15" t="s">
        <v>132</v>
      </c>
      <c r="E324" s="16">
        <v>4</v>
      </c>
      <c r="F324" s="16">
        <v>406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4</v>
      </c>
      <c r="R324" s="16">
        <v>406</v>
      </c>
    </row>
    <row r="325" spans="2:18" ht="12.95" customHeight="1" x14ac:dyDescent="0.15">
      <c r="B325" s="12"/>
      <c r="C325" s="12"/>
      <c r="D325" s="15" t="s">
        <v>133</v>
      </c>
      <c r="E325" s="16">
        <v>9</v>
      </c>
      <c r="F325" s="16">
        <v>46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9</v>
      </c>
      <c r="N325" s="16">
        <v>46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25</v>
      </c>
      <c r="F328" s="21">
        <v>1281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5</v>
      </c>
      <c r="N328" s="21">
        <v>607</v>
      </c>
      <c r="O328" s="21">
        <v>0</v>
      </c>
      <c r="P328" s="21">
        <v>0</v>
      </c>
      <c r="Q328" s="21">
        <v>20</v>
      </c>
      <c r="R328" s="21">
        <v>674</v>
      </c>
    </row>
    <row r="329" spans="2:18" ht="12.95" customHeight="1" x14ac:dyDescent="0.15">
      <c r="B329" s="12"/>
      <c r="C329" s="12"/>
      <c r="D329" s="15" t="s">
        <v>132</v>
      </c>
      <c r="E329" s="16">
        <v>4</v>
      </c>
      <c r="F329" s="16">
        <v>358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4</v>
      </c>
      <c r="R329" s="16">
        <v>358</v>
      </c>
    </row>
    <row r="330" spans="2:18" ht="12.95" customHeight="1" x14ac:dyDescent="0.15">
      <c r="B330" s="12"/>
      <c r="C330" s="12"/>
      <c r="D330" s="15" t="s">
        <v>133</v>
      </c>
      <c r="E330" s="16">
        <v>16</v>
      </c>
      <c r="F330" s="16">
        <v>316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16</v>
      </c>
      <c r="R330" s="16">
        <v>316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5</v>
      </c>
      <c r="F332" s="19">
        <v>607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5</v>
      </c>
      <c r="N332" s="19">
        <v>607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22</v>
      </c>
      <c r="F333" s="21">
        <v>1002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5</v>
      </c>
      <c r="N333" s="21">
        <v>607</v>
      </c>
      <c r="O333" s="21">
        <v>0</v>
      </c>
      <c r="P333" s="21">
        <v>0</v>
      </c>
      <c r="Q333" s="21">
        <v>17</v>
      </c>
      <c r="R333" s="21">
        <v>395</v>
      </c>
    </row>
    <row r="334" spans="2:18" ht="12.95" customHeight="1" x14ac:dyDescent="0.15">
      <c r="B334" s="12"/>
      <c r="C334" s="12"/>
      <c r="D334" s="15" t="s">
        <v>132</v>
      </c>
      <c r="E334" s="16">
        <v>1</v>
      </c>
      <c r="F334" s="16">
        <v>79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1</v>
      </c>
      <c r="R334" s="16">
        <v>79</v>
      </c>
    </row>
    <row r="335" spans="2:18" ht="12.95" customHeight="1" x14ac:dyDescent="0.15">
      <c r="B335" s="12"/>
      <c r="C335" s="12"/>
      <c r="D335" s="15" t="s">
        <v>133</v>
      </c>
      <c r="E335" s="16">
        <v>16</v>
      </c>
      <c r="F335" s="16">
        <v>316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16</v>
      </c>
      <c r="R335" s="16">
        <v>316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5</v>
      </c>
      <c r="F337" s="19">
        <v>607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5</v>
      </c>
      <c r="N337" s="19">
        <v>607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161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2</v>
      </c>
      <c r="R338" s="21">
        <v>161</v>
      </c>
    </row>
    <row r="339" spans="2:18" ht="12.95" customHeight="1" x14ac:dyDescent="0.15">
      <c r="B339" s="12"/>
      <c r="C339" s="12"/>
      <c r="D339" s="15" t="s">
        <v>132</v>
      </c>
      <c r="E339" s="16">
        <v>2</v>
      </c>
      <c r="F339" s="16">
        <v>161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2</v>
      </c>
      <c r="R339" s="16">
        <v>161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1</v>
      </c>
      <c r="F343" s="21">
        <v>118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  <c r="Q343" s="21">
        <v>1</v>
      </c>
      <c r="R343" s="21">
        <v>118</v>
      </c>
    </row>
    <row r="344" spans="2:18" ht="12.95" customHeight="1" x14ac:dyDescent="0.15">
      <c r="B344" s="12"/>
      <c r="C344" s="12"/>
      <c r="D344" s="15" t="s">
        <v>132</v>
      </c>
      <c r="E344" s="16">
        <v>1</v>
      </c>
      <c r="F344" s="16">
        <v>118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1</v>
      </c>
      <c r="R344" s="16">
        <v>118</v>
      </c>
    </row>
    <row r="345" spans="2:18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5</v>
      </c>
      <c r="F348" s="21">
        <v>530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2</v>
      </c>
      <c r="N348" s="21">
        <v>198</v>
      </c>
      <c r="O348" s="21">
        <v>0</v>
      </c>
      <c r="P348" s="21">
        <v>0</v>
      </c>
      <c r="Q348" s="21">
        <v>3</v>
      </c>
      <c r="R348" s="21">
        <v>332</v>
      </c>
    </row>
    <row r="349" spans="2:18" ht="12.95" customHeight="1" x14ac:dyDescent="0.15">
      <c r="B349" s="12"/>
      <c r="C349" s="12"/>
      <c r="D349" s="15" t="s">
        <v>132</v>
      </c>
      <c r="E349" s="16">
        <v>3</v>
      </c>
      <c r="F349" s="16">
        <v>332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3</v>
      </c>
      <c r="R349" s="16">
        <v>332</v>
      </c>
    </row>
    <row r="350" spans="2:18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2</v>
      </c>
      <c r="F352" s="19">
        <v>198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2</v>
      </c>
      <c r="N352" s="19">
        <v>198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5</v>
      </c>
      <c r="F353" s="21">
        <v>530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2</v>
      </c>
      <c r="N353" s="21">
        <v>198</v>
      </c>
      <c r="O353" s="21">
        <v>0</v>
      </c>
      <c r="P353" s="21">
        <v>0</v>
      </c>
      <c r="Q353" s="21">
        <v>3</v>
      </c>
      <c r="R353" s="21">
        <v>332</v>
      </c>
    </row>
    <row r="354" spans="2:18" ht="12.95" customHeight="1" x14ac:dyDescent="0.15">
      <c r="B354" s="12"/>
      <c r="C354" s="12"/>
      <c r="D354" s="15" t="s">
        <v>132</v>
      </c>
      <c r="E354" s="16">
        <v>3</v>
      </c>
      <c r="F354" s="16">
        <v>332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3</v>
      </c>
      <c r="R354" s="16">
        <v>332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2</v>
      </c>
      <c r="F357" s="19">
        <v>198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2</v>
      </c>
      <c r="N357" s="19">
        <v>198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0</v>
      </c>
      <c r="R358" s="21">
        <v>0</v>
      </c>
    </row>
    <row r="359" spans="2:18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0</v>
      </c>
      <c r="R359" s="16">
        <v>0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03-27T09:01:03Z</dcterms:modified>
</cp:coreProperties>
</file>